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05D0A466" w14:textId="020F1A73" w:rsidR="00472059" w:rsidRPr="00A9510B" w:rsidRDefault="00BD6E2A" w:rsidP="00A9510B">
      <w:pPr>
        <w:spacing w:after="200" w:line="276" w:lineRule="auto"/>
        <w:jc w:val="center"/>
        <w:rPr>
          <w:rFonts w:asciiTheme="minorHAnsi" w:eastAsiaTheme="minorHAnsi" w:hAnsiTheme="minorHAnsi" w:cstheme="minorBidi"/>
          <w:b/>
          <w:color w:val="0070C0"/>
          <w:sz w:val="36"/>
          <w:szCs w:val="36"/>
        </w:rPr>
      </w:pPr>
      <w:r w:rsidRPr="00A9510B">
        <w:rPr>
          <w:rFonts w:asciiTheme="minorHAnsi" w:eastAsiaTheme="minorHAnsi" w:hAnsiTheme="minorHAnsi" w:cstheme="minorBidi"/>
          <w:b/>
          <w:color w:val="0070C0"/>
          <w:sz w:val="36"/>
          <w:szCs w:val="36"/>
        </w:rPr>
        <w:t>Súhlas so sp</w:t>
      </w:r>
      <w:r w:rsidRPr="00A9510B">
        <w:rPr>
          <w:rFonts w:asciiTheme="minorHAnsi" w:eastAsiaTheme="minorHAnsi" w:hAnsiTheme="minorHAnsi" w:cstheme="minorBidi"/>
          <w:b/>
          <w:color w:val="0070C0"/>
          <w:sz w:val="36"/>
          <w:szCs w:val="36"/>
        </w:rPr>
        <w:t>racúvaním osobných údajov uvedených vo formulári a s vyhotovením a spracúvaním obrazových a</w:t>
      </w:r>
      <w:r w:rsidR="00B57F11" w:rsidRPr="00A9510B">
        <w:rPr>
          <w:rFonts w:asciiTheme="minorHAnsi" w:eastAsiaTheme="minorHAnsi" w:hAnsiTheme="minorHAnsi" w:cstheme="minorBidi"/>
          <w:b/>
          <w:color w:val="0070C0"/>
          <w:sz w:val="36"/>
          <w:szCs w:val="36"/>
        </w:rPr>
        <w:t> </w:t>
      </w:r>
      <w:r w:rsidRPr="00A9510B">
        <w:rPr>
          <w:rFonts w:asciiTheme="minorHAnsi" w:eastAsiaTheme="minorHAnsi" w:hAnsiTheme="minorHAnsi" w:cstheme="minorBidi"/>
          <w:b/>
          <w:color w:val="0070C0"/>
          <w:sz w:val="36"/>
          <w:szCs w:val="36"/>
        </w:rPr>
        <w:t>zvukov</w:t>
      </w:r>
      <w:r w:rsidR="00B57F11" w:rsidRPr="00A9510B">
        <w:rPr>
          <w:rFonts w:asciiTheme="minorHAnsi" w:eastAsiaTheme="minorHAnsi" w:hAnsiTheme="minorHAnsi" w:cstheme="minorBidi"/>
          <w:b/>
          <w:color w:val="0070C0"/>
          <w:sz w:val="36"/>
          <w:szCs w:val="36"/>
        </w:rPr>
        <w:t>o-obrazov</w:t>
      </w:r>
      <w:r w:rsidRPr="00A9510B">
        <w:rPr>
          <w:rFonts w:asciiTheme="minorHAnsi" w:eastAsiaTheme="minorHAnsi" w:hAnsiTheme="minorHAnsi" w:cstheme="minorBidi"/>
          <w:b/>
          <w:color w:val="0070C0"/>
          <w:sz w:val="36"/>
          <w:szCs w:val="36"/>
        </w:rPr>
        <w:t>ých záznamov na konferencii</w:t>
      </w:r>
    </w:p>
    <w:p w14:paraId="1EA80E34" w14:textId="77777777" w:rsidR="00407C27" w:rsidRPr="00B847CC" w:rsidRDefault="00407C27" w:rsidP="004D080C">
      <w:pPr>
        <w:spacing w:after="120"/>
        <w:jc w:val="both"/>
        <w:rPr>
          <w:rFonts w:asciiTheme="minorHAnsi" w:hAnsiTheme="minorHAnsi" w:cstheme="minorHAnsi"/>
          <w:snapToGrid w:val="0"/>
          <w:szCs w:val="22"/>
        </w:rPr>
      </w:pPr>
    </w:p>
    <w:p w14:paraId="6235771C" w14:textId="0B72ADAD" w:rsidR="004D080C" w:rsidRPr="00B847CC" w:rsidRDefault="004D080C" w:rsidP="004D080C">
      <w:pPr>
        <w:pStyle w:val="NormalWeb"/>
        <w:shd w:val="clear" w:color="auto" w:fill="FFFFFF"/>
        <w:jc w:val="both"/>
        <w:rPr>
          <w:rFonts w:asciiTheme="minorHAnsi" w:hAnsiTheme="minorHAnsi" w:cstheme="minorHAnsi"/>
          <w:sz w:val="22"/>
          <w:szCs w:val="22"/>
          <w:lang w:val="sk-SK"/>
        </w:rPr>
      </w:pPr>
      <w:r w:rsidRPr="00B847CC">
        <w:rPr>
          <w:rFonts w:asciiTheme="minorHAnsi" w:hAnsiTheme="minorHAnsi" w:cstheme="minorHAnsi"/>
          <w:sz w:val="22"/>
          <w:szCs w:val="22"/>
          <w:lang w:val="sk-SK"/>
        </w:rPr>
        <w:t xml:space="preserve">Zaškrtnutím políčka </w:t>
      </w:r>
      <w:r w:rsidRPr="00B847CC">
        <w:rPr>
          <w:rFonts w:asciiTheme="minorHAnsi" w:hAnsiTheme="minorHAnsi" w:cstheme="minorHAnsi"/>
          <w:sz w:val="22"/>
          <w:szCs w:val="22"/>
          <w:lang w:val="sk-SK"/>
        </w:rPr>
        <w:t>udeľujem</w:t>
      </w:r>
      <w:r w:rsidRPr="00B847CC">
        <w:rPr>
          <w:rFonts w:asciiTheme="minorHAnsi" w:hAnsiTheme="minorHAnsi" w:cstheme="minorHAnsi"/>
          <w:sz w:val="22"/>
          <w:szCs w:val="22"/>
          <w:lang w:val="sk-SK"/>
        </w:rPr>
        <w:t xml:space="preserve"> svoj súhlas so spracúvaním </w:t>
      </w:r>
      <w:r w:rsidR="00BD6E2A" w:rsidRPr="00B847CC">
        <w:rPr>
          <w:rFonts w:asciiTheme="minorHAnsi" w:hAnsiTheme="minorHAnsi" w:cstheme="minorHAnsi"/>
          <w:sz w:val="22"/>
          <w:szCs w:val="22"/>
          <w:lang w:val="sk-SK"/>
        </w:rPr>
        <w:t xml:space="preserve">mojich osobných údajov uvedených vo formulári ako aj </w:t>
      </w:r>
      <w:r w:rsidRPr="00B847CC">
        <w:rPr>
          <w:rFonts w:asciiTheme="minorHAnsi" w:hAnsiTheme="minorHAnsi" w:cstheme="minorHAnsi"/>
          <w:sz w:val="22"/>
          <w:szCs w:val="22"/>
          <w:lang w:val="sk-SK"/>
        </w:rPr>
        <w:t xml:space="preserve">mojich </w:t>
      </w:r>
      <w:r w:rsidRPr="00B847CC">
        <w:rPr>
          <w:rFonts w:asciiTheme="minorHAnsi" w:hAnsiTheme="minorHAnsi" w:cstheme="minorHAnsi"/>
          <w:sz w:val="22"/>
          <w:szCs w:val="22"/>
          <w:lang w:val="sk-SK"/>
        </w:rPr>
        <w:t>obrazových a</w:t>
      </w:r>
      <w:r w:rsidR="00B57F11" w:rsidRPr="00B847CC">
        <w:rPr>
          <w:rFonts w:asciiTheme="minorHAnsi" w:hAnsiTheme="minorHAnsi" w:cstheme="minorHAnsi"/>
          <w:sz w:val="22"/>
          <w:szCs w:val="22"/>
          <w:lang w:val="sk-SK"/>
        </w:rPr>
        <w:t> </w:t>
      </w:r>
      <w:r w:rsidRPr="00B847CC">
        <w:rPr>
          <w:rFonts w:asciiTheme="minorHAnsi" w:hAnsiTheme="minorHAnsi" w:cstheme="minorHAnsi"/>
          <w:sz w:val="22"/>
          <w:szCs w:val="22"/>
          <w:lang w:val="sk-SK"/>
        </w:rPr>
        <w:t>zvukov</w:t>
      </w:r>
      <w:r w:rsidR="00B57F11" w:rsidRPr="00B847CC">
        <w:rPr>
          <w:rFonts w:asciiTheme="minorHAnsi" w:hAnsiTheme="minorHAnsi" w:cstheme="minorHAnsi"/>
          <w:sz w:val="22"/>
          <w:szCs w:val="22"/>
          <w:lang w:val="sk-SK"/>
        </w:rPr>
        <w:t>o-obrazov</w:t>
      </w:r>
      <w:r w:rsidRPr="00B847CC">
        <w:rPr>
          <w:rFonts w:asciiTheme="minorHAnsi" w:hAnsiTheme="minorHAnsi" w:cstheme="minorHAnsi"/>
          <w:sz w:val="22"/>
          <w:szCs w:val="22"/>
          <w:lang w:val="sk-SK"/>
        </w:rPr>
        <w:t>ých záznamov vyhotovovaných na konferencii (ďalej len „</w:t>
      </w:r>
      <w:r w:rsidRPr="00B847CC">
        <w:rPr>
          <w:rStyle w:val="Strong"/>
          <w:rFonts w:asciiTheme="minorHAnsi" w:hAnsiTheme="minorHAnsi" w:cstheme="minorHAnsi"/>
          <w:sz w:val="22"/>
          <w:szCs w:val="22"/>
          <w:lang w:val="sk-SK"/>
        </w:rPr>
        <w:t>Osobné údaje</w:t>
      </w:r>
      <w:r w:rsidRPr="00B847CC">
        <w:rPr>
          <w:rFonts w:asciiTheme="minorHAnsi" w:hAnsiTheme="minorHAnsi" w:cstheme="minorHAnsi"/>
          <w:sz w:val="22"/>
          <w:szCs w:val="22"/>
          <w:lang w:val="sk-SK"/>
        </w:rPr>
        <w:t>“) spoločnosti </w:t>
      </w:r>
      <w:r w:rsidRPr="00B847CC">
        <w:rPr>
          <w:rStyle w:val="Strong"/>
          <w:rFonts w:asciiTheme="minorHAnsi" w:hAnsiTheme="minorHAnsi" w:cstheme="minorHAnsi"/>
          <w:sz w:val="22"/>
          <w:szCs w:val="22"/>
          <w:lang w:val="sk-SK"/>
        </w:rPr>
        <w:t>Atos IT Solutions and Services s.r.o.,</w:t>
      </w:r>
      <w:r w:rsidRPr="00B847CC">
        <w:rPr>
          <w:rFonts w:asciiTheme="minorHAnsi" w:hAnsiTheme="minorHAnsi" w:cstheme="minorHAnsi"/>
          <w:sz w:val="22"/>
          <w:szCs w:val="22"/>
          <w:lang w:val="sk-SK"/>
        </w:rPr>
        <w:t xml:space="preserve"> so sídlom </w:t>
      </w:r>
      <w:r w:rsidRPr="00B847CC">
        <w:rPr>
          <w:rFonts w:asciiTheme="minorHAnsi" w:hAnsiTheme="minorHAnsi" w:cstheme="minorHAnsi"/>
          <w:sz w:val="22"/>
          <w:szCs w:val="22"/>
          <w:lang w:val="sk-SK"/>
        </w:rPr>
        <w:t>Pribinova 19, 811 09 Bratislava,</w:t>
      </w:r>
      <w:r w:rsidRPr="00B847CC">
        <w:rPr>
          <w:rFonts w:asciiTheme="minorHAnsi" w:hAnsiTheme="minorHAnsi" w:cstheme="minorHAnsi"/>
          <w:sz w:val="22"/>
          <w:szCs w:val="22"/>
          <w:lang w:val="sk-SK"/>
        </w:rPr>
        <w:t xml:space="preserve"> Slovenská republika, IČO: 4</w:t>
      </w:r>
      <w:r w:rsidRPr="00B847CC">
        <w:rPr>
          <w:rFonts w:asciiTheme="minorHAnsi" w:hAnsiTheme="minorHAnsi" w:cstheme="minorHAnsi"/>
          <w:sz w:val="22"/>
          <w:szCs w:val="22"/>
          <w:lang w:val="sk-SK"/>
        </w:rPr>
        <w:t>5 650 276</w:t>
      </w:r>
      <w:r w:rsidRPr="00B847CC">
        <w:rPr>
          <w:rFonts w:asciiTheme="minorHAnsi" w:hAnsiTheme="minorHAnsi" w:cstheme="minorHAnsi"/>
          <w:sz w:val="22"/>
          <w:szCs w:val="22"/>
          <w:lang w:val="sk-SK"/>
        </w:rPr>
        <w:t xml:space="preserve"> (ďalej len „</w:t>
      </w:r>
      <w:r w:rsidRPr="00B847CC">
        <w:rPr>
          <w:rStyle w:val="Strong"/>
          <w:rFonts w:asciiTheme="minorHAnsi" w:hAnsiTheme="minorHAnsi" w:cstheme="minorHAnsi"/>
          <w:sz w:val="22"/>
          <w:szCs w:val="22"/>
          <w:lang w:val="sk-SK"/>
        </w:rPr>
        <w:t>Spoločnosť</w:t>
      </w:r>
      <w:r w:rsidRPr="00B847CC">
        <w:rPr>
          <w:rFonts w:asciiTheme="minorHAnsi" w:hAnsiTheme="minorHAnsi" w:cstheme="minorHAnsi"/>
          <w:sz w:val="22"/>
          <w:szCs w:val="22"/>
          <w:lang w:val="sk-SK"/>
        </w:rPr>
        <w:t>“), ako prevádzkovateľovi, </w:t>
      </w:r>
      <w:r w:rsidRPr="00B847CC">
        <w:rPr>
          <w:rStyle w:val="Strong"/>
          <w:rFonts w:asciiTheme="minorHAnsi" w:hAnsiTheme="minorHAnsi" w:cstheme="minorHAnsi"/>
          <w:sz w:val="22"/>
          <w:szCs w:val="22"/>
          <w:lang w:val="sk-SK"/>
        </w:rPr>
        <w:t xml:space="preserve">na propagačné a marketingové účely Spoločnosti realizované formou vyhotovenia ilustračných záberov (fotografií) a krátkeho videozáznamu z konferencie a </w:t>
      </w:r>
      <w:bookmarkStart w:id="0" w:name="_Hlk82512696"/>
      <w:r w:rsidRPr="00B847CC">
        <w:rPr>
          <w:rStyle w:val="Strong"/>
          <w:rFonts w:asciiTheme="minorHAnsi" w:hAnsiTheme="minorHAnsi" w:cstheme="minorHAnsi"/>
          <w:sz w:val="22"/>
          <w:szCs w:val="22"/>
          <w:lang w:val="sk-SK"/>
        </w:rPr>
        <w:t xml:space="preserve">ich následného (interného/externého) zverejnenia prostredníctvom internetu </w:t>
      </w:r>
      <w:r w:rsidRPr="00B847CC">
        <w:rPr>
          <w:rStyle w:val="Strong"/>
          <w:rFonts w:asciiTheme="minorHAnsi" w:hAnsiTheme="minorHAnsi" w:cstheme="minorHAnsi"/>
          <w:sz w:val="22"/>
          <w:szCs w:val="22"/>
          <w:lang w:val="sk-SK"/>
        </w:rPr>
        <w:t xml:space="preserve">(Facebook, Linkedin, Youtube) </w:t>
      </w:r>
      <w:r w:rsidRPr="00B847CC">
        <w:rPr>
          <w:rStyle w:val="Strong"/>
          <w:rFonts w:asciiTheme="minorHAnsi" w:hAnsiTheme="minorHAnsi" w:cstheme="minorHAnsi"/>
          <w:sz w:val="22"/>
          <w:szCs w:val="22"/>
          <w:lang w:val="sk-SK"/>
        </w:rPr>
        <w:t>a iných komunikačných kanálov využívaných Spoločnosťou</w:t>
      </w:r>
      <w:bookmarkEnd w:id="0"/>
      <w:r w:rsidRPr="00B847CC">
        <w:rPr>
          <w:rFonts w:asciiTheme="minorHAnsi" w:hAnsiTheme="minorHAnsi" w:cstheme="minorHAnsi"/>
          <w:sz w:val="22"/>
          <w:szCs w:val="22"/>
          <w:lang w:val="sk-SK"/>
        </w:rPr>
        <w:t>.</w:t>
      </w:r>
    </w:p>
    <w:p w14:paraId="38275A7E" w14:textId="602D015F" w:rsidR="004D080C" w:rsidRPr="00B847CC" w:rsidRDefault="004D080C" w:rsidP="004D080C">
      <w:pPr>
        <w:pStyle w:val="NormalWeb"/>
        <w:shd w:val="clear" w:color="auto" w:fill="FFFFFF"/>
        <w:jc w:val="both"/>
        <w:rPr>
          <w:rFonts w:asciiTheme="minorHAnsi" w:hAnsiTheme="minorHAnsi" w:cstheme="minorHAnsi"/>
          <w:sz w:val="22"/>
          <w:szCs w:val="22"/>
          <w:lang w:val="sk-SK"/>
        </w:rPr>
      </w:pPr>
      <w:r w:rsidRPr="00B847CC">
        <w:rPr>
          <w:rFonts w:asciiTheme="minorHAnsi" w:hAnsiTheme="minorHAnsi" w:cstheme="minorHAnsi"/>
          <w:sz w:val="22"/>
          <w:szCs w:val="22"/>
          <w:lang w:val="sk-SK"/>
        </w:rPr>
        <w:t xml:space="preserve">Uvedený súhlas sa vzťahuje aj na spracúvanie osobných údajov sprostredkovateľmi vymenovanými Spoločnosťou a konajúcimi v jej mene, predovšetkým spoločnosťou </w:t>
      </w:r>
      <w:r w:rsidRPr="00B847CC">
        <w:rPr>
          <w:rFonts w:asciiTheme="minorHAnsi" w:hAnsiTheme="minorHAnsi" w:cstheme="minorHAnsi"/>
          <w:sz w:val="22"/>
          <w:szCs w:val="22"/>
          <w:lang w:val="sk-SK"/>
        </w:rPr>
        <w:t>xxx,</w:t>
      </w:r>
      <w:r w:rsidRPr="00B847CC">
        <w:rPr>
          <w:rFonts w:asciiTheme="minorHAnsi" w:hAnsiTheme="minorHAnsi" w:cstheme="minorHAnsi"/>
          <w:sz w:val="22"/>
          <w:szCs w:val="22"/>
          <w:lang w:val="sk-SK"/>
        </w:rPr>
        <w:t xml:space="preserve"> so sídlom </w:t>
      </w:r>
      <w:commentRangeStart w:id="1"/>
      <w:r w:rsidRPr="00B847CC">
        <w:rPr>
          <w:rFonts w:asciiTheme="minorHAnsi" w:hAnsiTheme="minorHAnsi" w:cstheme="minorHAnsi"/>
          <w:sz w:val="22"/>
          <w:szCs w:val="22"/>
          <w:lang w:val="sk-SK"/>
        </w:rPr>
        <w:t>xxx</w:t>
      </w:r>
      <w:r w:rsidRPr="00B847CC">
        <w:rPr>
          <w:rFonts w:asciiTheme="minorHAnsi" w:hAnsiTheme="minorHAnsi" w:cstheme="minorHAnsi"/>
          <w:sz w:val="22"/>
          <w:szCs w:val="22"/>
          <w:lang w:val="sk-SK"/>
        </w:rPr>
        <w:t xml:space="preserve">, IČO: </w:t>
      </w:r>
      <w:r w:rsidRPr="00B847CC">
        <w:rPr>
          <w:rFonts w:asciiTheme="minorHAnsi" w:hAnsiTheme="minorHAnsi" w:cstheme="minorHAnsi"/>
          <w:sz w:val="22"/>
          <w:szCs w:val="22"/>
          <w:lang w:val="sk-SK"/>
        </w:rPr>
        <w:t>xxx</w:t>
      </w:r>
      <w:r w:rsidRPr="00B847CC">
        <w:rPr>
          <w:rFonts w:asciiTheme="minorHAnsi" w:hAnsiTheme="minorHAnsi" w:cstheme="minorHAnsi"/>
          <w:sz w:val="22"/>
          <w:szCs w:val="22"/>
          <w:lang w:val="sk-SK"/>
        </w:rPr>
        <w:t xml:space="preserve">, zapísaná v Obchodnom registri Okresného súdu Bratislava I, Oddiel: Sro, Vložka č.: </w:t>
      </w:r>
      <w:r w:rsidRPr="00B847CC">
        <w:rPr>
          <w:rFonts w:asciiTheme="minorHAnsi" w:hAnsiTheme="minorHAnsi" w:cstheme="minorHAnsi"/>
          <w:sz w:val="22"/>
          <w:szCs w:val="22"/>
          <w:lang w:val="sk-SK"/>
        </w:rPr>
        <w:t>xxx</w:t>
      </w:r>
      <w:r w:rsidRPr="00B847CC">
        <w:rPr>
          <w:rFonts w:asciiTheme="minorHAnsi" w:hAnsiTheme="minorHAnsi" w:cstheme="minorHAnsi"/>
          <w:sz w:val="22"/>
          <w:szCs w:val="22"/>
          <w:lang w:val="sk-SK"/>
        </w:rPr>
        <w:t xml:space="preserve">, spoločnosťou </w:t>
      </w:r>
      <w:r w:rsidRPr="00B847CC">
        <w:rPr>
          <w:rFonts w:asciiTheme="minorHAnsi" w:hAnsiTheme="minorHAnsi" w:cstheme="minorHAnsi"/>
          <w:sz w:val="22"/>
          <w:szCs w:val="22"/>
          <w:lang w:val="sk-SK"/>
        </w:rPr>
        <w:t>xxx,</w:t>
      </w:r>
      <w:r w:rsidRPr="00B847CC">
        <w:rPr>
          <w:rFonts w:asciiTheme="minorHAnsi" w:hAnsiTheme="minorHAnsi" w:cstheme="minorHAnsi"/>
          <w:sz w:val="22"/>
          <w:szCs w:val="22"/>
          <w:lang w:val="sk-SK"/>
        </w:rPr>
        <w:t xml:space="preserve"> so sídlom </w:t>
      </w:r>
      <w:r w:rsidRPr="00B847CC">
        <w:rPr>
          <w:rFonts w:asciiTheme="minorHAnsi" w:hAnsiTheme="minorHAnsi" w:cstheme="minorHAnsi"/>
          <w:sz w:val="22"/>
          <w:szCs w:val="22"/>
          <w:lang w:val="sk-SK"/>
        </w:rPr>
        <w:t>xxx</w:t>
      </w:r>
      <w:r w:rsidRPr="00B847CC">
        <w:rPr>
          <w:rFonts w:asciiTheme="minorHAnsi" w:hAnsiTheme="minorHAnsi" w:cstheme="minorHAnsi"/>
          <w:sz w:val="22"/>
          <w:szCs w:val="22"/>
          <w:lang w:val="sk-SK"/>
        </w:rPr>
        <w:t xml:space="preserve"> </w:t>
      </w:r>
      <w:commentRangeEnd w:id="1"/>
      <w:r w:rsidR="00EA7947" w:rsidRPr="00B847CC">
        <w:rPr>
          <w:rStyle w:val="CommentReference"/>
          <w:rFonts w:asciiTheme="minorHAnsi" w:hAnsiTheme="minorHAnsi" w:cstheme="minorHAnsi"/>
          <w:sz w:val="22"/>
          <w:szCs w:val="22"/>
          <w:lang w:val="sk-SK" w:eastAsia="en-US"/>
        </w:rPr>
        <w:commentReference w:id="1"/>
      </w:r>
      <w:r w:rsidRPr="00B847CC">
        <w:rPr>
          <w:rFonts w:asciiTheme="minorHAnsi" w:hAnsiTheme="minorHAnsi" w:cstheme="minorHAnsi"/>
          <w:sz w:val="22"/>
          <w:szCs w:val="22"/>
          <w:lang w:val="sk-SK"/>
        </w:rPr>
        <w:t xml:space="preserve">a </w:t>
      </w:r>
      <w:r w:rsidRPr="00B847CC">
        <w:rPr>
          <w:rFonts w:asciiTheme="minorHAnsi" w:hAnsiTheme="minorHAnsi" w:cstheme="minorHAnsi"/>
          <w:sz w:val="22"/>
          <w:szCs w:val="22"/>
          <w:lang w:val="sk-SK"/>
        </w:rPr>
        <w:t>ich</w:t>
      </w:r>
      <w:r w:rsidRPr="00B847CC">
        <w:rPr>
          <w:rFonts w:asciiTheme="minorHAnsi" w:hAnsiTheme="minorHAnsi" w:cstheme="minorHAnsi"/>
          <w:sz w:val="22"/>
          <w:szCs w:val="22"/>
          <w:lang w:val="sk-SK"/>
        </w:rPr>
        <w:t xml:space="preserve"> spriaznenými osobami (ďalej spolu ako „</w:t>
      </w:r>
      <w:r w:rsidRPr="00B847CC">
        <w:rPr>
          <w:rStyle w:val="Strong"/>
          <w:rFonts w:asciiTheme="minorHAnsi" w:hAnsiTheme="minorHAnsi" w:cstheme="minorHAnsi"/>
          <w:sz w:val="22"/>
          <w:szCs w:val="22"/>
          <w:lang w:val="sk-SK"/>
        </w:rPr>
        <w:t>Tretie osoby</w:t>
      </w:r>
      <w:r w:rsidRPr="00B847CC">
        <w:rPr>
          <w:rFonts w:asciiTheme="minorHAnsi" w:hAnsiTheme="minorHAnsi" w:cstheme="minorHAnsi"/>
          <w:sz w:val="22"/>
          <w:szCs w:val="22"/>
          <w:lang w:val="sk-SK"/>
        </w:rPr>
        <w:t>“), ako aj na spracúvanie ďalšími subjektmi spolupracujúcimi so Spoločnosťou pri vykonávaní vyššie uvedeného účelu (napr. externí fotografi).Nakoľko sa vyššie uvedený účel môže v konkrétnom prípade týkať aj Tretích osôb, udeľujem súhlas aj vo vzťahu k nim ako prípadným ďalším prevádzkovateľom v rovnakom rozsahu ako Spoločnosti.</w:t>
      </w:r>
    </w:p>
    <w:p w14:paraId="58C76E23" w14:textId="77777777" w:rsidR="004D080C" w:rsidRPr="00B847CC" w:rsidRDefault="004D080C" w:rsidP="004D080C">
      <w:pPr>
        <w:pStyle w:val="NormalWeb"/>
        <w:shd w:val="clear" w:color="auto" w:fill="FFFFFF"/>
        <w:jc w:val="both"/>
        <w:rPr>
          <w:rFonts w:asciiTheme="minorHAnsi" w:hAnsiTheme="minorHAnsi" w:cstheme="minorHAnsi"/>
          <w:sz w:val="22"/>
          <w:szCs w:val="22"/>
          <w:lang w:val="sk-SK"/>
        </w:rPr>
      </w:pPr>
      <w:r w:rsidRPr="00B847CC">
        <w:rPr>
          <w:rFonts w:asciiTheme="minorHAnsi" w:hAnsiTheme="minorHAnsi" w:cstheme="minorHAnsi"/>
          <w:sz w:val="22"/>
          <w:szCs w:val="22"/>
          <w:lang w:val="sk-SK"/>
        </w:rPr>
        <w:t>Osobné údaje sme získali priamo od Vás.</w:t>
      </w:r>
    </w:p>
    <w:p w14:paraId="75D910CC" w14:textId="58DC7C06" w:rsidR="004D080C" w:rsidRPr="00B847CC" w:rsidRDefault="004D080C" w:rsidP="004D080C">
      <w:pPr>
        <w:pStyle w:val="NormalWeb"/>
        <w:shd w:val="clear" w:color="auto" w:fill="FFFFFF"/>
        <w:jc w:val="both"/>
        <w:rPr>
          <w:rFonts w:asciiTheme="minorHAnsi" w:hAnsiTheme="minorHAnsi" w:cstheme="minorHAnsi"/>
          <w:sz w:val="22"/>
          <w:szCs w:val="22"/>
          <w:lang w:val="sk-SK"/>
        </w:rPr>
      </w:pPr>
      <w:r w:rsidRPr="00B847CC">
        <w:rPr>
          <w:rFonts w:asciiTheme="minorHAnsi" w:hAnsiTheme="minorHAnsi" w:cstheme="minorHAnsi"/>
          <w:sz w:val="22"/>
          <w:szCs w:val="22"/>
          <w:lang w:val="sk-SK"/>
        </w:rPr>
        <w:t>Vyhlasujem, že som bol informovaný Spoločnosťou o všetkých zákonných skutočnostiach významných v súvislosti so spracúvaním mojich Osobných údajov, vrátane svojich zákonných práv ako dotknutej osoby. Beriem najmä na vedomie, že poskytnutie Osobných údajov je dobrovoľné, </w:t>
      </w:r>
      <w:r w:rsidRPr="00B847CC">
        <w:rPr>
          <w:rStyle w:val="Strong"/>
          <w:rFonts w:asciiTheme="minorHAnsi" w:hAnsiTheme="minorHAnsi" w:cstheme="minorHAnsi"/>
          <w:sz w:val="22"/>
          <w:szCs w:val="22"/>
          <w:lang w:val="sk-SK"/>
        </w:rPr>
        <w:t>svoj udelený súhlas môžem kedykoľvek bezplatne odvolať</w:t>
      </w:r>
      <w:r w:rsidRPr="00B847CC">
        <w:rPr>
          <w:rFonts w:asciiTheme="minorHAnsi" w:hAnsiTheme="minorHAnsi" w:cstheme="minorHAnsi"/>
          <w:sz w:val="22"/>
          <w:szCs w:val="22"/>
          <w:lang w:val="sk-SK"/>
        </w:rPr>
        <w:t> </w:t>
      </w:r>
      <w:r w:rsidRPr="00B847CC">
        <w:rPr>
          <w:rFonts w:asciiTheme="minorHAnsi" w:hAnsiTheme="minorHAnsi" w:cstheme="minorHAnsi"/>
          <w:sz w:val="22"/>
          <w:szCs w:val="22"/>
          <w:lang w:val="sk-SK"/>
        </w:rPr>
        <w:t>zaslaním e-mailu na dpo-slovak</w:t>
      </w:r>
      <w:r w:rsidR="00002D45" w:rsidRPr="00B847CC">
        <w:rPr>
          <w:rFonts w:asciiTheme="minorHAnsi" w:hAnsiTheme="minorHAnsi" w:cstheme="minorHAnsi"/>
          <w:sz w:val="22"/>
          <w:szCs w:val="22"/>
          <w:lang w:val="sk-SK"/>
        </w:rPr>
        <w:t>ia</w:t>
      </w:r>
      <w:r w:rsidRPr="00B847CC">
        <w:rPr>
          <w:rFonts w:asciiTheme="minorHAnsi" w:hAnsiTheme="minorHAnsi" w:cstheme="minorHAnsi"/>
          <w:sz w:val="22"/>
          <w:szCs w:val="22"/>
          <w:lang w:val="sk-SK"/>
        </w:rPr>
        <w:t>@atos.net</w:t>
      </w:r>
      <w:r w:rsidRPr="00B847CC">
        <w:rPr>
          <w:rFonts w:asciiTheme="minorHAnsi" w:hAnsiTheme="minorHAnsi" w:cstheme="minorHAnsi"/>
          <w:sz w:val="22"/>
          <w:szCs w:val="22"/>
          <w:lang w:val="sk-SK"/>
        </w:rPr>
        <w:t xml:space="preserve"> (bez toho, aby to malo vplyv na zákonnosť spracúvania založeného na súhlase udelenom pred jeho odvolaním).</w:t>
      </w:r>
    </w:p>
    <w:p w14:paraId="23666B61" w14:textId="77777777" w:rsidR="004D080C" w:rsidRPr="00B847CC" w:rsidRDefault="004D080C" w:rsidP="004D080C">
      <w:pPr>
        <w:pStyle w:val="NormalWeb"/>
        <w:shd w:val="clear" w:color="auto" w:fill="FFFFFF"/>
        <w:jc w:val="both"/>
        <w:rPr>
          <w:rFonts w:asciiTheme="minorHAnsi" w:hAnsiTheme="minorHAnsi" w:cstheme="minorHAnsi"/>
          <w:sz w:val="22"/>
          <w:szCs w:val="22"/>
          <w:lang w:val="sk-SK"/>
        </w:rPr>
      </w:pPr>
      <w:r w:rsidRPr="00B847CC">
        <w:rPr>
          <w:rFonts w:asciiTheme="minorHAnsi" w:hAnsiTheme="minorHAnsi" w:cstheme="minorHAnsi"/>
          <w:sz w:val="22"/>
          <w:szCs w:val="22"/>
          <w:lang w:val="sk-SK"/>
        </w:rPr>
        <w:t>V rozsahu a za podmienok stanovenými príslušnými právnymi predpismi mám právo na prístup k Osobným údajom poskytnutým Spoločnosti, právo na opravu týchto Osobných údajov, likvidáciu, právo na obmedzenie spracúvania, právo namietať proti spracúvaniu ako aj právo na prenosnosť údajov. V prípade pochybností o dodržiavaní mojich práv zo strany Spoločnosti, mám právo požiadať Spoločnosť o vysvetlenie alebo odstránenie nedostatkov. Mám tiež právo obrátiť sa s podnetom, prípadne podať sťažnosť priamo na Úrad na ochranu osobných údajov.</w:t>
      </w:r>
    </w:p>
    <w:p w14:paraId="2B323916" w14:textId="1F7A93AB" w:rsidR="004D080C" w:rsidRPr="00B847CC" w:rsidRDefault="004D080C" w:rsidP="004D080C">
      <w:pPr>
        <w:pStyle w:val="NormalWeb"/>
        <w:shd w:val="clear" w:color="auto" w:fill="FFFFFF"/>
        <w:jc w:val="both"/>
        <w:rPr>
          <w:rFonts w:asciiTheme="minorHAnsi" w:hAnsiTheme="minorHAnsi" w:cstheme="minorHAnsi"/>
          <w:sz w:val="22"/>
          <w:szCs w:val="22"/>
          <w:lang w:val="sk-SK"/>
        </w:rPr>
      </w:pPr>
      <w:r w:rsidRPr="00B847CC">
        <w:rPr>
          <w:rFonts w:asciiTheme="minorHAnsi" w:hAnsiTheme="minorHAnsi" w:cstheme="minorHAnsi"/>
          <w:sz w:val="22"/>
          <w:szCs w:val="22"/>
          <w:lang w:val="sk-SK"/>
        </w:rPr>
        <w:t xml:space="preserve">V rámci skupiny spoločností </w:t>
      </w:r>
      <w:r w:rsidRPr="00B847CC">
        <w:rPr>
          <w:rFonts w:asciiTheme="minorHAnsi" w:hAnsiTheme="minorHAnsi" w:cstheme="minorHAnsi"/>
          <w:sz w:val="22"/>
          <w:szCs w:val="22"/>
          <w:lang w:val="sk-SK"/>
        </w:rPr>
        <w:t>Atos</w:t>
      </w:r>
      <w:r w:rsidRPr="00B847CC">
        <w:rPr>
          <w:rFonts w:asciiTheme="minorHAnsi" w:hAnsiTheme="minorHAnsi" w:cstheme="minorHAnsi"/>
          <w:sz w:val="22"/>
          <w:szCs w:val="22"/>
          <w:lang w:val="sk-SK"/>
        </w:rPr>
        <w:t xml:space="preserve"> boli prijaté záväzné vnútropodnikové pravidlá na zabezpečenie ochrany osobných údajov pri cezhraničnom prenose medzi jednotlivými spoločnosťami skupiny..</w:t>
      </w:r>
    </w:p>
    <w:p w14:paraId="40C4DA75" w14:textId="77777777" w:rsidR="004D080C" w:rsidRPr="00B847CC" w:rsidRDefault="004D080C" w:rsidP="004D080C">
      <w:pPr>
        <w:pStyle w:val="NormalWeb"/>
        <w:shd w:val="clear" w:color="auto" w:fill="FFFFFF"/>
        <w:jc w:val="both"/>
        <w:rPr>
          <w:rFonts w:asciiTheme="minorHAnsi" w:hAnsiTheme="minorHAnsi" w:cstheme="minorHAnsi"/>
          <w:sz w:val="22"/>
          <w:szCs w:val="22"/>
          <w:lang w:val="sk-SK"/>
        </w:rPr>
      </w:pPr>
      <w:r w:rsidRPr="00B847CC">
        <w:rPr>
          <w:rFonts w:asciiTheme="minorHAnsi" w:hAnsiTheme="minorHAnsi" w:cstheme="minorHAnsi"/>
          <w:sz w:val="22"/>
          <w:szCs w:val="22"/>
          <w:lang w:val="sk-SK"/>
        </w:rPr>
        <w:t>Svoj súhlas poskytujem dobrovoľne a na dobu trvania účelu spracovania. Spoločnosť je oprávnená uchovávať moje údaje najdlhšie po dobu trvania účelu spracúvania alebo odvolania môjho súhlasu. To neplatí, ak osobitný zákon prikazuje alebo umožňuje aj dlhšie uchovávanie. Ako dotknutá osoba beriem na vedomie, že poskytnutie Osobných údajov na vyššie spomenutý marketingový a propagačný účel nie je mojou zákonnou ani zmluvnou povinnosťou. Ich neposkytnutie nebude mať akýkoľvek vplyv na moju účasť, priebeh alebo vyhodnotenie konferencie.</w:t>
      </w:r>
    </w:p>
    <w:p w14:paraId="5AFD8FB2" w14:textId="20DF9F5A" w:rsidR="004D080C" w:rsidRPr="00B847CC" w:rsidRDefault="004D080C" w:rsidP="004D080C">
      <w:pPr>
        <w:pStyle w:val="NormalWeb"/>
        <w:shd w:val="clear" w:color="auto" w:fill="FFFFFF"/>
        <w:jc w:val="both"/>
        <w:rPr>
          <w:rFonts w:asciiTheme="minorHAnsi" w:hAnsiTheme="minorHAnsi" w:cstheme="minorHAnsi"/>
          <w:sz w:val="22"/>
          <w:szCs w:val="22"/>
          <w:lang w:val="sk-SK"/>
        </w:rPr>
      </w:pPr>
      <w:r w:rsidRPr="00B847CC">
        <w:rPr>
          <w:rFonts w:asciiTheme="minorHAnsi" w:hAnsiTheme="minorHAnsi" w:cstheme="minorHAnsi"/>
          <w:sz w:val="22"/>
          <w:szCs w:val="22"/>
          <w:lang w:val="sk-SK"/>
        </w:rPr>
        <w:t>Pre vylúčenie akýchkoľvek pochybností, svoj súhlas udeľujem aj v zmysle ustanovenia § 12 zákona č. 40/1964 Zb. Občiansky zákonník v znení neskorších predpisov.</w:t>
      </w:r>
    </w:p>
    <w:p w14:paraId="4C7E8DA9" w14:textId="5D24F78E" w:rsidR="004D080C" w:rsidRPr="00B847CC" w:rsidRDefault="004D080C" w:rsidP="004D080C">
      <w:pPr>
        <w:pStyle w:val="NormalWeb"/>
        <w:shd w:val="clear" w:color="auto" w:fill="FFFFFF"/>
        <w:jc w:val="both"/>
        <w:rPr>
          <w:rFonts w:asciiTheme="minorHAnsi" w:hAnsiTheme="minorHAnsi" w:cstheme="minorHAnsi"/>
          <w:sz w:val="22"/>
          <w:szCs w:val="22"/>
          <w:lang w:val="sk-SK"/>
        </w:rPr>
      </w:pPr>
      <w:r w:rsidRPr="00B847CC">
        <w:rPr>
          <w:rFonts w:asciiTheme="minorHAnsi" w:hAnsiTheme="minorHAnsi" w:cstheme="minorHAnsi"/>
          <w:sz w:val="22"/>
          <w:szCs w:val="22"/>
          <w:lang w:val="sk-SK"/>
        </w:rPr>
        <w:t>Ak máte akékoľvek otázky alebo sa na nás chcete obrátiť v súvislosti so spracúvaním Vašich osobných údajov zo strany Spoločnosti, prosíme, neváhajte nás kontaktovať na emailovej adrese dpo-slovak</w:t>
      </w:r>
      <w:r w:rsidR="00002D45" w:rsidRPr="00B847CC">
        <w:rPr>
          <w:rFonts w:asciiTheme="minorHAnsi" w:hAnsiTheme="minorHAnsi" w:cstheme="minorHAnsi"/>
          <w:sz w:val="22"/>
          <w:szCs w:val="22"/>
          <w:lang w:val="sk-SK"/>
        </w:rPr>
        <w:t>ia</w:t>
      </w:r>
      <w:r w:rsidRPr="00B847CC">
        <w:rPr>
          <w:rFonts w:asciiTheme="minorHAnsi" w:hAnsiTheme="minorHAnsi" w:cstheme="minorHAnsi"/>
          <w:sz w:val="22"/>
          <w:szCs w:val="22"/>
          <w:lang w:val="sk-SK"/>
        </w:rPr>
        <w:t>@atos.net.</w:t>
      </w:r>
    </w:p>
    <w:p w14:paraId="1C581EE2" w14:textId="76E53F22" w:rsidR="00407C27" w:rsidRPr="00B847CC" w:rsidRDefault="00407C27" w:rsidP="004D080C">
      <w:pPr>
        <w:spacing w:after="120"/>
        <w:jc w:val="both"/>
        <w:rPr>
          <w:rFonts w:asciiTheme="minorHAnsi" w:hAnsiTheme="minorHAnsi" w:cstheme="minorHAnsi"/>
          <w:szCs w:val="22"/>
        </w:rPr>
      </w:pPr>
    </w:p>
    <w:sectPr w:rsidR="00407C27" w:rsidRPr="00B847CC" w:rsidSect="00472059">
      <w:headerReference w:type="default" r:id="rId11"/>
      <w:headerReference w:type="first" r:id="rId12"/>
      <w:footerReference w:type="first" r:id="rId13"/>
      <w:type w:val="continuous"/>
      <w:pgSz w:w="11907" w:h="16840" w:code="9"/>
      <w:pgMar w:top="993" w:right="851" w:bottom="1276" w:left="1134" w:header="851" w:footer="567" w:gutter="0"/>
      <w:cols w:space="708"/>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comment w:id="1" w:author="Simoncic, Marek" w:date="2021-09-14T11:30:00Z" w:initials="SM">
    <w:p w14:paraId="681D2EB7" w14:textId="296C1180" w:rsidR="00EA7947" w:rsidRDefault="00EA7947">
      <w:pPr>
        <w:pStyle w:val="CommentText"/>
      </w:pPr>
      <w:r>
        <w:rPr>
          <w:rStyle w:val="CommentReference"/>
        </w:rPr>
        <w:annotationRef/>
      </w:r>
      <w:r>
        <w:t>Tu treba uviesť ešte tých partnerov ktorým budeš posielať osobné údaje. Budú sa posielať aj fotky resp. videá?</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commentEx w15:paraId="681D2EB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ex:commentExtensible w16cex:durableId="24EB065E" w16cex:dateUtc="2021-09-14T09:3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id:commentId w16cid:paraId="681D2EB7" w16cid:durableId="24EB065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F0DAA47" w14:textId="77777777" w:rsidR="004F6105" w:rsidRDefault="004F6105">
      <w:r>
        <w:separator/>
      </w:r>
    </w:p>
  </w:endnote>
  <w:endnote w:type="continuationSeparator" w:id="0">
    <w:p w14:paraId="5E834F7F" w14:textId="77777777" w:rsidR="004F6105" w:rsidRDefault="004F6105">
      <w:r>
        <w:continuationSeparator/>
      </w:r>
    </w:p>
  </w:endnote>
  <w:endnote w:type="continuationNotice" w:id="1">
    <w:p w14:paraId="48962C9F" w14:textId="77777777" w:rsidR="004F6105" w:rsidRDefault="004F610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9773" w:type="dxa"/>
      <w:tblInd w:w="8" w:type="dxa"/>
      <w:tblLayout w:type="fixed"/>
      <w:tblCellMar>
        <w:left w:w="0" w:type="dxa"/>
        <w:right w:w="0" w:type="dxa"/>
      </w:tblCellMar>
      <w:tblLook w:val="0000" w:firstRow="0" w:lastRow="0" w:firstColumn="0" w:lastColumn="0" w:noHBand="0" w:noVBand="0"/>
    </w:tblPr>
    <w:tblGrid>
      <w:gridCol w:w="7647"/>
      <w:gridCol w:w="2106"/>
      <w:gridCol w:w="20"/>
    </w:tblGrid>
    <w:tr w:rsidR="00E249EA" w14:paraId="164EBCC0" w14:textId="77777777" w:rsidTr="00765522">
      <w:trPr>
        <w:cantSplit/>
        <w:trHeight w:val="1179"/>
      </w:trPr>
      <w:tc>
        <w:tcPr>
          <w:tcW w:w="7647" w:type="dxa"/>
        </w:tcPr>
        <w:p w14:paraId="66E79AA6" w14:textId="06E3A3BF" w:rsidR="00E249EA" w:rsidRDefault="00E249EA" w:rsidP="00765522">
          <w:pPr>
            <w:pStyle w:val="scfFu1-4"/>
            <w:rPr>
              <w:noProof/>
              <w:lang w:val="sk-SK"/>
            </w:rPr>
          </w:pPr>
          <w:r>
            <w:rPr>
              <w:noProof/>
              <w:lang w:val="sk-SK"/>
            </w:rPr>
            <w:t>Siemens IT Solutions and Services s.r.o.</w:t>
          </w:r>
        </w:p>
        <w:p w14:paraId="5E24CD7C" w14:textId="77777777" w:rsidR="00E249EA" w:rsidRPr="00BE613A" w:rsidRDefault="00E249EA" w:rsidP="00765522">
          <w:pPr>
            <w:pStyle w:val="scfFu1-4"/>
            <w:rPr>
              <w:noProof/>
              <w:lang w:val="sk-SK"/>
            </w:rPr>
          </w:pPr>
        </w:p>
        <w:p w14:paraId="44EBFF90" w14:textId="77777777" w:rsidR="00E249EA" w:rsidRPr="009A734C" w:rsidRDefault="00E249EA" w:rsidP="00D70636">
          <w:pPr>
            <w:pStyle w:val="scfFu1-4"/>
            <w:rPr>
              <w:noProof/>
              <w:lang w:val="en-US"/>
            </w:rPr>
          </w:pPr>
        </w:p>
      </w:tc>
      <w:tc>
        <w:tcPr>
          <w:tcW w:w="2106" w:type="dxa"/>
        </w:tcPr>
        <w:p w14:paraId="2CB81845" w14:textId="77777777" w:rsidR="00E249EA" w:rsidRDefault="00E249EA" w:rsidP="00765522">
          <w:pPr>
            <w:pStyle w:val="scfFu1-4"/>
            <w:rPr>
              <w:rFonts w:cs="Arial"/>
              <w:lang w:val="sk-SK"/>
            </w:rPr>
          </w:pPr>
          <w:r w:rsidRPr="004D080C">
            <w:rPr>
              <w:rFonts w:cs="Arial"/>
            </w:rPr>
            <w:t>Adresa spoločnosti:</w:t>
          </w:r>
        </w:p>
        <w:p w14:paraId="2D87EA8E" w14:textId="77777777" w:rsidR="00E249EA" w:rsidRPr="00071423" w:rsidRDefault="00E249EA" w:rsidP="00765522">
          <w:pPr>
            <w:pStyle w:val="scfFu1-4"/>
            <w:rPr>
              <w:lang w:val="sk-SK"/>
            </w:rPr>
          </w:pPr>
          <w:r>
            <w:rPr>
              <w:lang w:val="sk-SK"/>
            </w:rPr>
            <w:t>Einsteinova 11</w:t>
          </w:r>
          <w:r w:rsidRPr="00071423">
            <w:rPr>
              <w:lang w:val="sk-SK"/>
            </w:rPr>
            <w:t>,</w:t>
          </w:r>
        </w:p>
        <w:p w14:paraId="523E1B1B" w14:textId="77777777" w:rsidR="00E249EA" w:rsidRPr="00071423" w:rsidRDefault="00E249EA" w:rsidP="00765522">
          <w:pPr>
            <w:pStyle w:val="scfFu1-4"/>
            <w:rPr>
              <w:lang w:val="sk-SK"/>
            </w:rPr>
          </w:pPr>
          <w:r w:rsidRPr="00071423">
            <w:rPr>
              <w:lang w:val="sk-SK"/>
            </w:rPr>
            <w:t>8</w:t>
          </w:r>
          <w:r>
            <w:rPr>
              <w:lang w:val="sk-SK"/>
            </w:rPr>
            <w:t>51</w:t>
          </w:r>
          <w:r w:rsidRPr="00071423">
            <w:rPr>
              <w:lang w:val="sk-SK"/>
            </w:rPr>
            <w:t xml:space="preserve"> 01Bratislava </w:t>
          </w:r>
          <w:r>
            <w:rPr>
              <w:rFonts w:cs="Arial"/>
              <w:lang w:val="sk-SK"/>
            </w:rPr>
            <w:t xml:space="preserve"> </w:t>
          </w:r>
        </w:p>
        <w:p w14:paraId="33A2CCA0" w14:textId="77777777" w:rsidR="00E249EA" w:rsidRDefault="00E249EA" w:rsidP="00765522">
          <w:pPr>
            <w:pStyle w:val="scfFu1-4"/>
            <w:rPr>
              <w:rFonts w:cs="Arial"/>
              <w:lang w:val="sk-SK"/>
            </w:rPr>
          </w:pPr>
          <w:r>
            <w:rPr>
              <w:rFonts w:cs="Arial"/>
              <w:lang w:val="sk-SK"/>
            </w:rPr>
            <w:t>Slovenská republika</w:t>
          </w:r>
        </w:p>
        <w:p w14:paraId="0790EC99" w14:textId="77777777" w:rsidR="00E249EA" w:rsidRPr="00BE613A" w:rsidRDefault="00E249EA" w:rsidP="00765522">
          <w:pPr>
            <w:pStyle w:val="scfFu1-4"/>
            <w:rPr>
              <w:rFonts w:cs="Arial"/>
              <w:lang w:val="sk-SK"/>
            </w:rPr>
          </w:pPr>
          <w:r>
            <w:rPr>
              <w:rFonts w:cs="Arial"/>
              <w:lang w:val="sk-SK"/>
            </w:rPr>
            <w:t>Tel.: + 421 2 5968 6801</w:t>
          </w:r>
        </w:p>
        <w:p w14:paraId="5DD14E38" w14:textId="77777777" w:rsidR="00E249EA" w:rsidRDefault="00E249EA" w:rsidP="00765522">
          <w:pPr>
            <w:pStyle w:val="scfFu1-4"/>
            <w:rPr>
              <w:rFonts w:cs="Arial"/>
              <w:lang w:val="sk-SK"/>
            </w:rPr>
          </w:pPr>
          <w:r w:rsidRPr="00BE613A">
            <w:rPr>
              <w:rFonts w:cs="Arial"/>
              <w:lang w:val="sk-SK"/>
            </w:rPr>
            <w:t>Fax: + 421 2 5968 5414</w:t>
          </w:r>
        </w:p>
        <w:p w14:paraId="41B2B3BA" w14:textId="77777777" w:rsidR="00E249EA" w:rsidRPr="00EE0F59" w:rsidRDefault="004F6105" w:rsidP="00765522">
          <w:pPr>
            <w:pStyle w:val="scfFu1-4"/>
            <w:rPr>
              <w:noProof/>
              <w:szCs w:val="14"/>
              <w:lang w:val="sk-SK"/>
            </w:rPr>
          </w:pPr>
          <w:hyperlink r:id="rId1" w:tgtFrame="_blank" w:tooltip="http://www.siemens-it-solutions.sk/" w:history="1">
            <w:r w:rsidR="00E249EA" w:rsidRPr="00EE0F59">
              <w:rPr>
                <w:rStyle w:val="Hyperlink"/>
                <w:rFonts w:cs="Arial"/>
                <w:color w:val="990000"/>
                <w:szCs w:val="14"/>
                <w:lang w:val="sk-SK"/>
              </w:rPr>
              <w:t>www.siemens-it-solutions.sk</w:t>
            </w:r>
          </w:hyperlink>
        </w:p>
      </w:tc>
      <w:tc>
        <w:tcPr>
          <w:tcW w:w="20" w:type="dxa"/>
        </w:tcPr>
        <w:p w14:paraId="7FA5CA4C" w14:textId="77777777" w:rsidR="00E249EA" w:rsidRDefault="00E249EA" w:rsidP="00765522">
          <w:pPr>
            <w:pStyle w:val="scfFu1-4"/>
            <w:rPr>
              <w:noProof/>
              <w:lang w:val="sk-SK"/>
            </w:rPr>
          </w:pPr>
        </w:p>
      </w:tc>
    </w:tr>
    <w:tr w:rsidR="00E249EA" w14:paraId="75D9E59F" w14:textId="77777777" w:rsidTr="00765522">
      <w:trPr>
        <w:cantSplit/>
      </w:trPr>
      <w:tc>
        <w:tcPr>
          <w:tcW w:w="9773" w:type="dxa"/>
          <w:gridSpan w:val="3"/>
        </w:tcPr>
        <w:p w14:paraId="65ABBE08" w14:textId="77777777" w:rsidR="00E249EA" w:rsidRPr="00ED0E2A" w:rsidRDefault="00E249EA" w:rsidP="00765522">
          <w:pPr>
            <w:pStyle w:val="scfVorstand"/>
            <w:spacing w:after="40" w:line="140" w:lineRule="exact"/>
            <w:rPr>
              <w:rFonts w:cs="Arial"/>
              <w:szCs w:val="14"/>
              <w:lang w:val="sk-SK"/>
            </w:rPr>
          </w:pPr>
          <w:r w:rsidRPr="00ED0E2A">
            <w:rPr>
              <w:rFonts w:cs="Arial"/>
              <w:szCs w:val="14"/>
              <w:lang w:val="sk-SK" w:eastAsia="sk-SK"/>
            </w:rPr>
            <w:t xml:space="preserve">Zapísaná v obchodnom registri Okresného súdu Bratislava I, oddiel: Sro, vložka č.: 66638/B, </w:t>
          </w:r>
          <w:r w:rsidRPr="00ED0E2A">
            <w:rPr>
              <w:rFonts w:cs="Arial"/>
              <w:szCs w:val="14"/>
              <w:lang w:val="sk-SK"/>
            </w:rPr>
            <w:t xml:space="preserve">IČO: </w:t>
          </w:r>
          <w:r w:rsidRPr="00ED0E2A">
            <w:rPr>
              <w:rFonts w:cs="Arial"/>
              <w:szCs w:val="14"/>
              <w:lang w:val="sk-SK" w:eastAsia="sk-SK"/>
            </w:rPr>
            <w:t>45 650 276</w:t>
          </w:r>
          <w:r w:rsidRPr="00ED0E2A">
            <w:rPr>
              <w:rFonts w:cs="Arial"/>
              <w:szCs w:val="14"/>
              <w:lang w:val="sk-SK"/>
            </w:rPr>
            <w:t xml:space="preserve">, IČ DPH: </w:t>
          </w:r>
          <w:r w:rsidRPr="00ED0E2A">
            <w:rPr>
              <w:rFonts w:cs="Arial"/>
              <w:bCs/>
              <w:szCs w:val="14"/>
              <w:lang w:val="sk-SK"/>
            </w:rPr>
            <w:t>SK2023110661</w:t>
          </w:r>
        </w:p>
        <w:p w14:paraId="08A62029" w14:textId="77777777" w:rsidR="00E249EA" w:rsidRDefault="00E249EA" w:rsidP="00765522">
          <w:pPr>
            <w:pStyle w:val="scfVorstand"/>
            <w:tabs>
              <w:tab w:val="left" w:pos="418"/>
            </w:tabs>
            <w:spacing w:line="140" w:lineRule="exact"/>
            <w:rPr>
              <w:rFonts w:cs="Arial"/>
              <w:szCs w:val="14"/>
              <w:lang w:val="sk-SK" w:eastAsia="sk-SK"/>
            </w:rPr>
          </w:pPr>
          <w:r w:rsidRPr="00ED0E2A">
            <w:rPr>
              <w:rFonts w:cs="Arial"/>
              <w:szCs w:val="14"/>
              <w:lang w:val="sk-SK"/>
            </w:rPr>
            <w:t>Bankové spojenie:</w:t>
          </w:r>
          <w:r w:rsidRPr="00ED0E2A">
            <w:rPr>
              <w:rFonts w:cs="Arial"/>
              <w:szCs w:val="14"/>
              <w:lang w:val="sk-SK"/>
            </w:rPr>
            <w:br/>
          </w:r>
          <w:r w:rsidRPr="00ED0E2A">
            <w:rPr>
              <w:rFonts w:cs="Arial"/>
              <w:szCs w:val="14"/>
              <w:lang w:val="sk-SK" w:eastAsia="sk-SK"/>
            </w:rPr>
            <w:t xml:space="preserve">v mene EUR na účet č. 1097895000/1111 vedený v UniCredit Bank Slovakia a.s., IBAN: SK27 1111 0000 0010 9789 5000 </w:t>
          </w:r>
          <w:r w:rsidRPr="00ED0E2A">
            <w:rPr>
              <w:rFonts w:cs="Arial"/>
              <w:szCs w:val="14"/>
              <w:lang w:val="sk-SK" w:eastAsia="sk-SK"/>
            </w:rPr>
            <w:br/>
            <w:t xml:space="preserve">v mene CZK na účet č. 1206266001/2700 vedený v UniCredit Bank Czech Republic, a.s., SWIFT: BACX CZ PP, IBAN: CZ7527000000001206266001, </w:t>
          </w:r>
          <w:r>
            <w:rPr>
              <w:rFonts w:cs="Arial"/>
              <w:szCs w:val="14"/>
              <w:lang w:val="sk-SK" w:eastAsia="sk-SK"/>
            </w:rPr>
            <w:t xml:space="preserve"> </w:t>
          </w:r>
        </w:p>
        <w:p w14:paraId="682C83E8" w14:textId="77777777" w:rsidR="00E249EA" w:rsidRPr="00ED0E2A" w:rsidRDefault="00E249EA" w:rsidP="00765522">
          <w:pPr>
            <w:pStyle w:val="scfVorstand"/>
            <w:tabs>
              <w:tab w:val="left" w:pos="418"/>
            </w:tabs>
            <w:spacing w:line="140" w:lineRule="exact"/>
            <w:rPr>
              <w:rFonts w:cs="Arial"/>
              <w:szCs w:val="14"/>
              <w:lang w:val="sk-SK" w:eastAsia="sk-SK"/>
            </w:rPr>
          </w:pPr>
          <w:r>
            <w:rPr>
              <w:rFonts w:cs="Arial"/>
              <w:szCs w:val="14"/>
              <w:lang w:val="sk-SK" w:eastAsia="sk-SK"/>
            </w:rPr>
            <w:t xml:space="preserve">             i</w:t>
          </w:r>
          <w:r w:rsidRPr="00ED0E2A">
            <w:rPr>
              <w:rFonts w:cs="Arial"/>
              <w:szCs w:val="14"/>
              <w:lang w:val="sk-SK" w:eastAsia="sk-SK"/>
            </w:rPr>
            <w:t xml:space="preserve">nformácia pre prijímateľa (povinné): ARE 483n </w:t>
          </w:r>
          <w:r w:rsidRPr="00ED0E2A">
            <w:rPr>
              <w:rFonts w:cs="Arial"/>
              <w:szCs w:val="14"/>
              <w:lang w:val="sk-SK" w:eastAsia="sk-SK"/>
            </w:rPr>
            <w:br/>
            <w:t>v mene USD na účet č. 25463202 vedený v JP Morgan Chase Bank, SWIFT: CHAS GB 2L, IBAN: GB34CHAS60924225463202,</w:t>
          </w:r>
          <w:r w:rsidRPr="00ED0E2A">
            <w:rPr>
              <w:rFonts w:cs="Arial"/>
              <w:szCs w:val="14"/>
              <w:lang w:val="sk-SK" w:eastAsia="sk-SK"/>
            </w:rPr>
            <w:br/>
          </w:r>
          <w:r>
            <w:rPr>
              <w:rFonts w:cs="Arial"/>
              <w:szCs w:val="14"/>
              <w:lang w:val="sk-SK" w:eastAsia="sk-SK"/>
            </w:rPr>
            <w:t xml:space="preserve">             </w:t>
          </w:r>
          <w:r w:rsidRPr="00ED0E2A">
            <w:rPr>
              <w:rFonts w:cs="Arial"/>
              <w:szCs w:val="14"/>
              <w:lang w:val="sk-SK" w:eastAsia="sk-SK"/>
            </w:rPr>
            <w:t xml:space="preserve">informácia pre prijímateľa (povinné): ARE 483n. </w:t>
          </w:r>
        </w:p>
        <w:p w14:paraId="0ECD5245" w14:textId="77777777" w:rsidR="00E249EA" w:rsidRDefault="00E249EA" w:rsidP="00765522">
          <w:pPr>
            <w:pStyle w:val="scfVorstand"/>
            <w:tabs>
              <w:tab w:val="left" w:pos="7655"/>
            </w:tabs>
            <w:rPr>
              <w:noProof/>
              <w:lang w:val="sk-SK"/>
            </w:rPr>
          </w:pPr>
          <w:r>
            <w:rPr>
              <w:iCs/>
              <w:sz w:val="12"/>
              <w:lang w:val="sk-SK"/>
            </w:rPr>
            <w:t xml:space="preserve">                                                                                                                                                                     </w:t>
          </w:r>
        </w:p>
      </w:tc>
    </w:tr>
  </w:tbl>
  <w:p w14:paraId="434B0CAF" w14:textId="77777777" w:rsidR="00E249EA" w:rsidRPr="00805865" w:rsidRDefault="00E249EA" w:rsidP="00805865">
    <w:pPr>
      <w:pStyle w:val="Footer"/>
      <w:jc w:val="right"/>
      <w:rPr>
        <w:sz w:val="16"/>
        <w:szCs w:val="16"/>
      </w:rPr>
    </w:pPr>
    <w:r w:rsidRPr="00805865">
      <w:rPr>
        <w:sz w:val="16"/>
        <w:szCs w:val="16"/>
      </w:rPr>
      <w:t xml:space="preserve">Strana </w:t>
    </w:r>
    <w:r w:rsidRPr="00805865">
      <w:rPr>
        <w:sz w:val="16"/>
        <w:szCs w:val="16"/>
      </w:rPr>
      <w:fldChar w:fldCharType="begin"/>
    </w:r>
    <w:r w:rsidRPr="00805865">
      <w:rPr>
        <w:sz w:val="16"/>
        <w:szCs w:val="16"/>
      </w:rPr>
      <w:instrText xml:space="preserve"> PAGE  \* MERGEFORMAT </w:instrText>
    </w:r>
    <w:r w:rsidRPr="00805865">
      <w:rPr>
        <w:sz w:val="16"/>
        <w:szCs w:val="16"/>
      </w:rPr>
      <w:fldChar w:fldCharType="separate"/>
    </w:r>
    <w:r>
      <w:rPr>
        <w:noProof/>
        <w:sz w:val="16"/>
        <w:szCs w:val="16"/>
      </w:rPr>
      <w:t>1</w:t>
    </w:r>
    <w:r w:rsidRPr="00805865">
      <w:rPr>
        <w:sz w:val="16"/>
        <w:szCs w:val="16"/>
      </w:rPr>
      <w:fldChar w:fldCharType="end"/>
    </w:r>
    <w:r w:rsidRPr="00805865">
      <w:rPr>
        <w:sz w:val="16"/>
        <w:szCs w:val="16"/>
      </w:rPr>
      <w:t>/</w:t>
    </w:r>
    <w:r w:rsidRPr="00805865">
      <w:rPr>
        <w:rStyle w:val="PageNumber"/>
        <w:sz w:val="16"/>
        <w:szCs w:val="16"/>
      </w:rPr>
      <w:fldChar w:fldCharType="begin"/>
    </w:r>
    <w:r w:rsidRPr="00805865">
      <w:rPr>
        <w:rStyle w:val="PageNumber"/>
        <w:sz w:val="16"/>
        <w:szCs w:val="16"/>
      </w:rPr>
      <w:instrText xml:space="preserve"> NUMPAGES </w:instrText>
    </w:r>
    <w:r w:rsidRPr="00805865">
      <w:rPr>
        <w:rStyle w:val="PageNumber"/>
        <w:sz w:val="16"/>
        <w:szCs w:val="16"/>
      </w:rPr>
      <w:fldChar w:fldCharType="separate"/>
    </w:r>
    <w:r>
      <w:rPr>
        <w:rStyle w:val="PageNumber"/>
        <w:noProof/>
        <w:sz w:val="16"/>
        <w:szCs w:val="16"/>
      </w:rPr>
      <w:t>2</w:t>
    </w:r>
    <w:r w:rsidRPr="00805865">
      <w:rPr>
        <w:rStyle w:val="PageNumber"/>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D245DAC" w14:textId="77777777" w:rsidR="004F6105" w:rsidRDefault="004F6105">
      <w:r>
        <w:separator/>
      </w:r>
    </w:p>
  </w:footnote>
  <w:footnote w:type="continuationSeparator" w:id="0">
    <w:p w14:paraId="03CF0788" w14:textId="77777777" w:rsidR="004F6105" w:rsidRDefault="004F6105">
      <w:r>
        <w:continuationSeparator/>
      </w:r>
    </w:p>
  </w:footnote>
  <w:footnote w:type="continuationNotice" w:id="1">
    <w:p w14:paraId="6DD6F34A" w14:textId="77777777" w:rsidR="004F6105" w:rsidRDefault="004F610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09B6A37" w14:textId="704134C4" w:rsidR="00B847CC" w:rsidRDefault="00B847CC">
    <w:pPr>
      <w:pStyle w:val="Header"/>
    </w:pPr>
    <w:r w:rsidRPr="005E7F4F">
      <w:rPr>
        <w:noProof/>
        <w:sz w:val="18"/>
        <w:szCs w:val="18"/>
      </w:rPr>
      <w:drawing>
        <wp:anchor distT="0" distB="0" distL="114300" distR="114300" simplePos="0" relativeHeight="251659264" behindDoc="1" locked="0" layoutInCell="1" allowOverlap="1" wp14:anchorId="109245A8" wp14:editId="71AA7112">
          <wp:simplePos x="0" y="0"/>
          <wp:positionH relativeFrom="rightMargin">
            <wp:posOffset>-823595</wp:posOffset>
          </wp:positionH>
          <wp:positionV relativeFrom="paragraph">
            <wp:posOffset>-342900</wp:posOffset>
          </wp:positionV>
          <wp:extent cx="1280160" cy="424815"/>
          <wp:effectExtent l="0" t="0" r="0" b="0"/>
          <wp:wrapTight wrapText="bothSides">
            <wp:wrapPolygon edited="0">
              <wp:start x="0" y="0"/>
              <wp:lineTo x="0" y="20341"/>
              <wp:lineTo x="21214" y="20341"/>
              <wp:lineTo x="21214" y="0"/>
              <wp:lineTo x="0" y="0"/>
            </wp:wrapPolygon>
          </wp:wrapTight>
          <wp:docPr id="9" name="Picture 9" descr="C:\Users\s232844\Documents\Atos\Company\Atos New Company\atoslogo_rgb AJ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32844\Documents\Atos\Company\Atos New Company\atoslogo_rgb AJ2.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280160" cy="424815"/>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9915" w:type="dxa"/>
      <w:tblInd w:w="8" w:type="dxa"/>
      <w:tblLayout w:type="fixed"/>
      <w:tblCellMar>
        <w:left w:w="0" w:type="dxa"/>
        <w:right w:w="0" w:type="dxa"/>
      </w:tblCellMar>
      <w:tblLook w:val="0000" w:firstRow="0" w:lastRow="0" w:firstColumn="0" w:lastColumn="0" w:noHBand="0" w:noVBand="0"/>
    </w:tblPr>
    <w:tblGrid>
      <w:gridCol w:w="5387"/>
      <w:gridCol w:w="4528"/>
    </w:tblGrid>
    <w:tr w:rsidR="00E249EA" w14:paraId="69DE9C6B" w14:textId="77777777" w:rsidTr="00805865">
      <w:trPr>
        <w:trHeight w:hRule="exact" w:val="851"/>
      </w:trPr>
      <w:tc>
        <w:tcPr>
          <w:tcW w:w="5387" w:type="dxa"/>
        </w:tcPr>
        <w:p w14:paraId="3C529216" w14:textId="7FB52033" w:rsidR="00E249EA" w:rsidRDefault="00E37EE1">
          <w:pPr>
            <w:pStyle w:val="scfstandard"/>
          </w:pPr>
          <w:r>
            <w:rPr>
              <w:noProof/>
            </w:rPr>
            <mc:AlternateContent>
              <mc:Choice Requires="wpc">
                <w:drawing>
                  <wp:inline distT="0" distB="0" distL="0" distR="0" wp14:anchorId="6A1EBCC0" wp14:editId="383BF1E2">
                    <wp:extent cx="1449070" cy="231775"/>
                    <wp:effectExtent l="9525" t="9525" r="8255" b="6350"/>
                    <wp:docPr id="32" name="Canvas 32"/>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1" name="Freeform 14"/>
                            <wps:cNvSpPr>
                              <a:spLocks noEditPoints="1"/>
                            </wps:cNvSpPr>
                            <wps:spPr bwMode="auto">
                              <a:xfrm>
                                <a:off x="2540" y="2540"/>
                                <a:ext cx="1443990" cy="226695"/>
                              </a:xfrm>
                              <a:custGeom>
                                <a:avLst/>
                                <a:gdLst>
                                  <a:gd name="T0" fmla="*/ 210 w 2274"/>
                                  <a:gd name="T1" fmla="*/ 69 h 357"/>
                                  <a:gd name="T2" fmla="*/ 169 w 2274"/>
                                  <a:gd name="T3" fmla="*/ 62 h 357"/>
                                  <a:gd name="T4" fmla="*/ 133 w 2274"/>
                                  <a:gd name="T5" fmla="*/ 62 h 357"/>
                                  <a:gd name="T6" fmla="*/ 104 w 2274"/>
                                  <a:gd name="T7" fmla="*/ 73 h 357"/>
                                  <a:gd name="T8" fmla="*/ 96 w 2274"/>
                                  <a:gd name="T9" fmla="*/ 90 h 357"/>
                                  <a:gd name="T10" fmla="*/ 103 w 2274"/>
                                  <a:gd name="T11" fmla="*/ 106 h 357"/>
                                  <a:gd name="T12" fmla="*/ 123 w 2274"/>
                                  <a:gd name="T13" fmla="*/ 118 h 357"/>
                                  <a:gd name="T14" fmla="*/ 230 w 2274"/>
                                  <a:gd name="T15" fmla="*/ 172 h 357"/>
                                  <a:gd name="T16" fmla="*/ 263 w 2274"/>
                                  <a:gd name="T17" fmla="*/ 214 h 357"/>
                                  <a:gd name="T18" fmla="*/ 267 w 2274"/>
                                  <a:gd name="T19" fmla="*/ 271 h 357"/>
                                  <a:gd name="T20" fmla="*/ 218 w 2274"/>
                                  <a:gd name="T21" fmla="*/ 334 h 357"/>
                                  <a:gd name="T22" fmla="*/ 119 w 2274"/>
                                  <a:gd name="T23" fmla="*/ 357 h 357"/>
                                  <a:gd name="T24" fmla="*/ 75 w 2274"/>
                                  <a:gd name="T25" fmla="*/ 355 h 357"/>
                                  <a:gd name="T26" fmla="*/ 23 w 2274"/>
                                  <a:gd name="T27" fmla="*/ 347 h 357"/>
                                  <a:gd name="T28" fmla="*/ 31 w 2274"/>
                                  <a:gd name="T29" fmla="*/ 281 h 357"/>
                                  <a:gd name="T30" fmla="*/ 80 w 2274"/>
                                  <a:gd name="T31" fmla="*/ 292 h 357"/>
                                  <a:gd name="T32" fmla="*/ 119 w 2274"/>
                                  <a:gd name="T33" fmla="*/ 294 h 357"/>
                                  <a:gd name="T34" fmla="*/ 156 w 2274"/>
                                  <a:gd name="T35" fmla="*/ 285 h 357"/>
                                  <a:gd name="T36" fmla="*/ 169 w 2274"/>
                                  <a:gd name="T37" fmla="*/ 264 h 357"/>
                                  <a:gd name="T38" fmla="*/ 168 w 2274"/>
                                  <a:gd name="T39" fmla="*/ 249 h 357"/>
                                  <a:gd name="T40" fmla="*/ 156 w 2274"/>
                                  <a:gd name="T41" fmla="*/ 238 h 357"/>
                                  <a:gd name="T42" fmla="*/ 52 w 2274"/>
                                  <a:gd name="T43" fmla="*/ 192 h 357"/>
                                  <a:gd name="T44" fmla="*/ 12 w 2274"/>
                                  <a:gd name="T45" fmla="*/ 152 h 357"/>
                                  <a:gd name="T46" fmla="*/ 0 w 2274"/>
                                  <a:gd name="T47" fmla="*/ 103 h 357"/>
                                  <a:gd name="T48" fmla="*/ 29 w 2274"/>
                                  <a:gd name="T49" fmla="*/ 36 h 357"/>
                                  <a:gd name="T50" fmla="*/ 111 w 2274"/>
                                  <a:gd name="T51" fmla="*/ 3 h 357"/>
                                  <a:gd name="T52" fmla="*/ 171 w 2274"/>
                                  <a:gd name="T53" fmla="*/ 3 h 357"/>
                                  <a:gd name="T54" fmla="*/ 217 w 2274"/>
                                  <a:gd name="T55" fmla="*/ 9 h 357"/>
                                  <a:gd name="T56" fmla="*/ 422 w 2274"/>
                                  <a:gd name="T57" fmla="*/ 7 h 357"/>
                                  <a:gd name="T58" fmla="*/ 1246 w 2274"/>
                                  <a:gd name="T59" fmla="*/ 7 h 357"/>
                                  <a:gd name="T60" fmla="*/ 1582 w 2274"/>
                                  <a:gd name="T61" fmla="*/ 7 h 357"/>
                                  <a:gd name="T62" fmla="*/ 1946 w 2274"/>
                                  <a:gd name="T63" fmla="*/ 350 h 357"/>
                                  <a:gd name="T64" fmla="*/ 2238 w 2274"/>
                                  <a:gd name="T65" fmla="*/ 79 h 357"/>
                                  <a:gd name="T66" fmla="*/ 2196 w 2274"/>
                                  <a:gd name="T67" fmla="*/ 66 h 357"/>
                                  <a:gd name="T68" fmla="*/ 2155 w 2274"/>
                                  <a:gd name="T69" fmla="*/ 62 h 357"/>
                                  <a:gd name="T70" fmla="*/ 2121 w 2274"/>
                                  <a:gd name="T71" fmla="*/ 65 h 357"/>
                                  <a:gd name="T72" fmla="*/ 2100 w 2274"/>
                                  <a:gd name="T73" fmla="*/ 80 h 357"/>
                                  <a:gd name="T74" fmla="*/ 2099 w 2274"/>
                                  <a:gd name="T75" fmla="*/ 98 h 357"/>
                                  <a:gd name="T76" fmla="*/ 2109 w 2274"/>
                                  <a:gd name="T77" fmla="*/ 111 h 357"/>
                                  <a:gd name="T78" fmla="*/ 2197 w 2274"/>
                                  <a:gd name="T79" fmla="*/ 149 h 357"/>
                                  <a:gd name="T80" fmla="*/ 2248 w 2274"/>
                                  <a:gd name="T81" fmla="*/ 186 h 357"/>
                                  <a:gd name="T82" fmla="*/ 2272 w 2274"/>
                                  <a:gd name="T83" fmla="*/ 234 h 357"/>
                                  <a:gd name="T84" fmla="*/ 2259 w 2274"/>
                                  <a:gd name="T85" fmla="*/ 298 h 357"/>
                                  <a:gd name="T86" fmla="*/ 2190 w 2274"/>
                                  <a:gd name="T87" fmla="*/ 348 h 357"/>
                                  <a:gd name="T88" fmla="*/ 2109 w 2274"/>
                                  <a:gd name="T89" fmla="*/ 357 h 357"/>
                                  <a:gd name="T90" fmla="*/ 2059 w 2274"/>
                                  <a:gd name="T91" fmla="*/ 352 h 357"/>
                                  <a:gd name="T92" fmla="*/ 2008 w 2274"/>
                                  <a:gd name="T93" fmla="*/ 342 h 357"/>
                                  <a:gd name="T94" fmla="*/ 2050 w 2274"/>
                                  <a:gd name="T95" fmla="*/ 287 h 357"/>
                                  <a:gd name="T96" fmla="*/ 2098 w 2274"/>
                                  <a:gd name="T97" fmla="*/ 294 h 357"/>
                                  <a:gd name="T98" fmla="*/ 2137 w 2274"/>
                                  <a:gd name="T99" fmla="*/ 292 h 357"/>
                                  <a:gd name="T100" fmla="*/ 2164 w 2274"/>
                                  <a:gd name="T101" fmla="*/ 279 h 357"/>
                                  <a:gd name="T102" fmla="*/ 2171 w 2274"/>
                                  <a:gd name="T103" fmla="*/ 261 h 357"/>
                                  <a:gd name="T104" fmla="*/ 2165 w 2274"/>
                                  <a:gd name="T105" fmla="*/ 245 h 357"/>
                                  <a:gd name="T106" fmla="*/ 2151 w 2274"/>
                                  <a:gd name="T107" fmla="*/ 234 h 357"/>
                                  <a:gd name="T108" fmla="*/ 2036 w 2274"/>
                                  <a:gd name="T109" fmla="*/ 181 h 357"/>
                                  <a:gd name="T110" fmla="*/ 2005 w 2274"/>
                                  <a:gd name="T111" fmla="*/ 136 h 357"/>
                                  <a:gd name="T112" fmla="*/ 2004 w 2274"/>
                                  <a:gd name="T113" fmla="*/ 76 h 357"/>
                                  <a:gd name="T114" fmla="*/ 2056 w 2274"/>
                                  <a:gd name="T115" fmla="*/ 19 h 357"/>
                                  <a:gd name="T116" fmla="*/ 2145 w 2274"/>
                                  <a:gd name="T117" fmla="*/ 0 h 357"/>
                                  <a:gd name="T118" fmla="*/ 2187 w 2274"/>
                                  <a:gd name="T119" fmla="*/ 5 h 357"/>
                                  <a:gd name="T120" fmla="*/ 2232 w 2274"/>
                                  <a:gd name="T121" fmla="*/ 13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2274" h="357">
                                    <a:moveTo>
                                      <a:pt x="246" y="15"/>
                                    </a:moveTo>
                                    <a:lnTo>
                                      <a:pt x="246" y="80"/>
                                    </a:lnTo>
                                    <a:lnTo>
                                      <a:pt x="246" y="80"/>
                                    </a:lnTo>
                                    <a:lnTo>
                                      <a:pt x="241" y="80"/>
                                    </a:lnTo>
                                    <a:lnTo>
                                      <a:pt x="238" y="79"/>
                                    </a:lnTo>
                                    <a:lnTo>
                                      <a:pt x="236" y="78"/>
                                    </a:lnTo>
                                    <a:lnTo>
                                      <a:pt x="233" y="76"/>
                                    </a:lnTo>
                                    <a:lnTo>
                                      <a:pt x="228" y="75"/>
                                    </a:lnTo>
                                    <a:lnTo>
                                      <a:pt x="225" y="73"/>
                                    </a:lnTo>
                                    <a:lnTo>
                                      <a:pt x="223" y="73"/>
                                    </a:lnTo>
                                    <a:lnTo>
                                      <a:pt x="220" y="72"/>
                                    </a:lnTo>
                                    <a:lnTo>
                                      <a:pt x="215" y="70"/>
                                    </a:lnTo>
                                    <a:lnTo>
                                      <a:pt x="213" y="70"/>
                                    </a:lnTo>
                                    <a:lnTo>
                                      <a:pt x="210" y="69"/>
                                    </a:lnTo>
                                    <a:lnTo>
                                      <a:pt x="207" y="69"/>
                                    </a:lnTo>
                                    <a:lnTo>
                                      <a:pt x="204" y="68"/>
                                    </a:lnTo>
                                    <a:lnTo>
                                      <a:pt x="201" y="68"/>
                                    </a:lnTo>
                                    <a:lnTo>
                                      <a:pt x="197" y="66"/>
                                    </a:lnTo>
                                    <a:lnTo>
                                      <a:pt x="194" y="66"/>
                                    </a:lnTo>
                                    <a:lnTo>
                                      <a:pt x="191" y="65"/>
                                    </a:lnTo>
                                    <a:lnTo>
                                      <a:pt x="188" y="65"/>
                                    </a:lnTo>
                                    <a:lnTo>
                                      <a:pt x="185" y="65"/>
                                    </a:lnTo>
                                    <a:lnTo>
                                      <a:pt x="182" y="63"/>
                                    </a:lnTo>
                                    <a:lnTo>
                                      <a:pt x="179" y="63"/>
                                    </a:lnTo>
                                    <a:lnTo>
                                      <a:pt x="176" y="63"/>
                                    </a:lnTo>
                                    <a:lnTo>
                                      <a:pt x="174" y="62"/>
                                    </a:lnTo>
                                    <a:lnTo>
                                      <a:pt x="171" y="62"/>
                                    </a:lnTo>
                                    <a:lnTo>
                                      <a:pt x="169" y="62"/>
                                    </a:lnTo>
                                    <a:lnTo>
                                      <a:pt x="166" y="62"/>
                                    </a:lnTo>
                                    <a:lnTo>
                                      <a:pt x="163" y="62"/>
                                    </a:lnTo>
                                    <a:lnTo>
                                      <a:pt x="161" y="62"/>
                                    </a:lnTo>
                                    <a:lnTo>
                                      <a:pt x="158" y="62"/>
                                    </a:lnTo>
                                    <a:lnTo>
                                      <a:pt x="156" y="62"/>
                                    </a:lnTo>
                                    <a:lnTo>
                                      <a:pt x="153" y="62"/>
                                    </a:lnTo>
                                    <a:lnTo>
                                      <a:pt x="152" y="60"/>
                                    </a:lnTo>
                                    <a:lnTo>
                                      <a:pt x="152" y="60"/>
                                    </a:lnTo>
                                    <a:lnTo>
                                      <a:pt x="148" y="62"/>
                                    </a:lnTo>
                                    <a:lnTo>
                                      <a:pt x="145" y="62"/>
                                    </a:lnTo>
                                    <a:lnTo>
                                      <a:pt x="142" y="62"/>
                                    </a:lnTo>
                                    <a:lnTo>
                                      <a:pt x="139" y="62"/>
                                    </a:lnTo>
                                    <a:lnTo>
                                      <a:pt x="136" y="62"/>
                                    </a:lnTo>
                                    <a:lnTo>
                                      <a:pt x="133" y="62"/>
                                    </a:lnTo>
                                    <a:lnTo>
                                      <a:pt x="130" y="63"/>
                                    </a:lnTo>
                                    <a:lnTo>
                                      <a:pt x="127" y="63"/>
                                    </a:lnTo>
                                    <a:lnTo>
                                      <a:pt x="126" y="63"/>
                                    </a:lnTo>
                                    <a:lnTo>
                                      <a:pt x="123" y="65"/>
                                    </a:lnTo>
                                    <a:lnTo>
                                      <a:pt x="120" y="65"/>
                                    </a:lnTo>
                                    <a:lnTo>
                                      <a:pt x="119" y="66"/>
                                    </a:lnTo>
                                    <a:lnTo>
                                      <a:pt x="116" y="66"/>
                                    </a:lnTo>
                                    <a:lnTo>
                                      <a:pt x="114" y="68"/>
                                    </a:lnTo>
                                    <a:lnTo>
                                      <a:pt x="111" y="69"/>
                                    </a:lnTo>
                                    <a:lnTo>
                                      <a:pt x="110" y="69"/>
                                    </a:lnTo>
                                    <a:lnTo>
                                      <a:pt x="109" y="70"/>
                                    </a:lnTo>
                                    <a:lnTo>
                                      <a:pt x="107" y="72"/>
                                    </a:lnTo>
                                    <a:lnTo>
                                      <a:pt x="106" y="73"/>
                                    </a:lnTo>
                                    <a:lnTo>
                                      <a:pt x="104" y="73"/>
                                    </a:lnTo>
                                    <a:lnTo>
                                      <a:pt x="103" y="75"/>
                                    </a:lnTo>
                                    <a:lnTo>
                                      <a:pt x="101" y="76"/>
                                    </a:lnTo>
                                    <a:lnTo>
                                      <a:pt x="100" y="78"/>
                                    </a:lnTo>
                                    <a:lnTo>
                                      <a:pt x="98" y="79"/>
                                    </a:lnTo>
                                    <a:lnTo>
                                      <a:pt x="98" y="80"/>
                                    </a:lnTo>
                                    <a:lnTo>
                                      <a:pt x="97" y="82"/>
                                    </a:lnTo>
                                    <a:lnTo>
                                      <a:pt x="97" y="83"/>
                                    </a:lnTo>
                                    <a:lnTo>
                                      <a:pt x="96" y="83"/>
                                    </a:lnTo>
                                    <a:lnTo>
                                      <a:pt x="96" y="85"/>
                                    </a:lnTo>
                                    <a:lnTo>
                                      <a:pt x="96" y="86"/>
                                    </a:lnTo>
                                    <a:lnTo>
                                      <a:pt x="96" y="88"/>
                                    </a:lnTo>
                                    <a:lnTo>
                                      <a:pt x="96" y="89"/>
                                    </a:lnTo>
                                    <a:lnTo>
                                      <a:pt x="96" y="89"/>
                                    </a:lnTo>
                                    <a:lnTo>
                                      <a:pt x="96" y="90"/>
                                    </a:lnTo>
                                    <a:lnTo>
                                      <a:pt x="96" y="92"/>
                                    </a:lnTo>
                                    <a:lnTo>
                                      <a:pt x="96" y="93"/>
                                    </a:lnTo>
                                    <a:lnTo>
                                      <a:pt x="96" y="95"/>
                                    </a:lnTo>
                                    <a:lnTo>
                                      <a:pt x="96" y="96"/>
                                    </a:lnTo>
                                    <a:lnTo>
                                      <a:pt x="96" y="98"/>
                                    </a:lnTo>
                                    <a:lnTo>
                                      <a:pt x="97" y="98"/>
                                    </a:lnTo>
                                    <a:lnTo>
                                      <a:pt x="97" y="99"/>
                                    </a:lnTo>
                                    <a:lnTo>
                                      <a:pt x="97" y="100"/>
                                    </a:lnTo>
                                    <a:lnTo>
                                      <a:pt x="98" y="102"/>
                                    </a:lnTo>
                                    <a:lnTo>
                                      <a:pt x="98" y="102"/>
                                    </a:lnTo>
                                    <a:lnTo>
                                      <a:pt x="100" y="103"/>
                                    </a:lnTo>
                                    <a:lnTo>
                                      <a:pt x="100" y="105"/>
                                    </a:lnTo>
                                    <a:lnTo>
                                      <a:pt x="101" y="105"/>
                                    </a:lnTo>
                                    <a:lnTo>
                                      <a:pt x="103" y="106"/>
                                    </a:lnTo>
                                    <a:lnTo>
                                      <a:pt x="104" y="106"/>
                                    </a:lnTo>
                                    <a:lnTo>
                                      <a:pt x="104" y="108"/>
                                    </a:lnTo>
                                    <a:lnTo>
                                      <a:pt x="106" y="109"/>
                                    </a:lnTo>
                                    <a:lnTo>
                                      <a:pt x="107" y="109"/>
                                    </a:lnTo>
                                    <a:lnTo>
                                      <a:pt x="109" y="111"/>
                                    </a:lnTo>
                                    <a:lnTo>
                                      <a:pt x="110" y="111"/>
                                    </a:lnTo>
                                    <a:lnTo>
                                      <a:pt x="111" y="112"/>
                                    </a:lnTo>
                                    <a:lnTo>
                                      <a:pt x="113" y="113"/>
                                    </a:lnTo>
                                    <a:lnTo>
                                      <a:pt x="114" y="113"/>
                                    </a:lnTo>
                                    <a:lnTo>
                                      <a:pt x="116" y="115"/>
                                    </a:lnTo>
                                    <a:lnTo>
                                      <a:pt x="117" y="115"/>
                                    </a:lnTo>
                                    <a:lnTo>
                                      <a:pt x="120" y="116"/>
                                    </a:lnTo>
                                    <a:lnTo>
                                      <a:pt x="122" y="116"/>
                                    </a:lnTo>
                                    <a:lnTo>
                                      <a:pt x="123" y="118"/>
                                    </a:lnTo>
                                    <a:lnTo>
                                      <a:pt x="126" y="118"/>
                                    </a:lnTo>
                                    <a:lnTo>
                                      <a:pt x="127" y="119"/>
                                    </a:lnTo>
                                    <a:lnTo>
                                      <a:pt x="130" y="119"/>
                                    </a:lnTo>
                                    <a:lnTo>
                                      <a:pt x="194" y="149"/>
                                    </a:lnTo>
                                    <a:lnTo>
                                      <a:pt x="194" y="149"/>
                                    </a:lnTo>
                                    <a:lnTo>
                                      <a:pt x="198" y="152"/>
                                    </a:lnTo>
                                    <a:lnTo>
                                      <a:pt x="202" y="155"/>
                                    </a:lnTo>
                                    <a:lnTo>
                                      <a:pt x="207" y="156"/>
                                    </a:lnTo>
                                    <a:lnTo>
                                      <a:pt x="211" y="159"/>
                                    </a:lnTo>
                                    <a:lnTo>
                                      <a:pt x="215" y="162"/>
                                    </a:lnTo>
                                    <a:lnTo>
                                      <a:pt x="220" y="165"/>
                                    </a:lnTo>
                                    <a:lnTo>
                                      <a:pt x="223" y="166"/>
                                    </a:lnTo>
                                    <a:lnTo>
                                      <a:pt x="227" y="169"/>
                                    </a:lnTo>
                                    <a:lnTo>
                                      <a:pt x="230" y="172"/>
                                    </a:lnTo>
                                    <a:lnTo>
                                      <a:pt x="234" y="175"/>
                                    </a:lnTo>
                                    <a:lnTo>
                                      <a:pt x="237" y="178"/>
                                    </a:lnTo>
                                    <a:lnTo>
                                      <a:pt x="240" y="181"/>
                                    </a:lnTo>
                                    <a:lnTo>
                                      <a:pt x="243" y="184"/>
                                    </a:lnTo>
                                    <a:lnTo>
                                      <a:pt x="246" y="186"/>
                                    </a:lnTo>
                                    <a:lnTo>
                                      <a:pt x="249" y="189"/>
                                    </a:lnTo>
                                    <a:lnTo>
                                      <a:pt x="251" y="192"/>
                                    </a:lnTo>
                                    <a:lnTo>
                                      <a:pt x="253" y="195"/>
                                    </a:lnTo>
                                    <a:lnTo>
                                      <a:pt x="256" y="198"/>
                                    </a:lnTo>
                                    <a:lnTo>
                                      <a:pt x="257" y="201"/>
                                    </a:lnTo>
                                    <a:lnTo>
                                      <a:pt x="259" y="204"/>
                                    </a:lnTo>
                                    <a:lnTo>
                                      <a:pt x="260" y="208"/>
                                    </a:lnTo>
                                    <a:lnTo>
                                      <a:pt x="262" y="211"/>
                                    </a:lnTo>
                                    <a:lnTo>
                                      <a:pt x="263" y="214"/>
                                    </a:lnTo>
                                    <a:lnTo>
                                      <a:pt x="264" y="218"/>
                                    </a:lnTo>
                                    <a:lnTo>
                                      <a:pt x="266" y="221"/>
                                    </a:lnTo>
                                    <a:lnTo>
                                      <a:pt x="267" y="225"/>
                                    </a:lnTo>
                                    <a:lnTo>
                                      <a:pt x="267" y="228"/>
                                    </a:lnTo>
                                    <a:lnTo>
                                      <a:pt x="269" y="232"/>
                                    </a:lnTo>
                                    <a:lnTo>
                                      <a:pt x="269" y="235"/>
                                    </a:lnTo>
                                    <a:lnTo>
                                      <a:pt x="269" y="239"/>
                                    </a:lnTo>
                                    <a:lnTo>
                                      <a:pt x="269" y="244"/>
                                    </a:lnTo>
                                    <a:lnTo>
                                      <a:pt x="270" y="246"/>
                                    </a:lnTo>
                                    <a:lnTo>
                                      <a:pt x="270" y="246"/>
                                    </a:lnTo>
                                    <a:lnTo>
                                      <a:pt x="269" y="254"/>
                                    </a:lnTo>
                                    <a:lnTo>
                                      <a:pt x="269" y="259"/>
                                    </a:lnTo>
                                    <a:lnTo>
                                      <a:pt x="267" y="265"/>
                                    </a:lnTo>
                                    <a:lnTo>
                                      <a:pt x="267" y="271"/>
                                    </a:lnTo>
                                    <a:lnTo>
                                      <a:pt x="266" y="277"/>
                                    </a:lnTo>
                                    <a:lnTo>
                                      <a:pt x="263" y="282"/>
                                    </a:lnTo>
                                    <a:lnTo>
                                      <a:pt x="262" y="287"/>
                                    </a:lnTo>
                                    <a:lnTo>
                                      <a:pt x="259" y="292"/>
                                    </a:lnTo>
                                    <a:lnTo>
                                      <a:pt x="256" y="297"/>
                                    </a:lnTo>
                                    <a:lnTo>
                                      <a:pt x="253" y="302"/>
                                    </a:lnTo>
                                    <a:lnTo>
                                      <a:pt x="250" y="307"/>
                                    </a:lnTo>
                                    <a:lnTo>
                                      <a:pt x="246" y="311"/>
                                    </a:lnTo>
                                    <a:lnTo>
                                      <a:pt x="241" y="315"/>
                                    </a:lnTo>
                                    <a:lnTo>
                                      <a:pt x="237" y="319"/>
                                    </a:lnTo>
                                    <a:lnTo>
                                      <a:pt x="233" y="324"/>
                                    </a:lnTo>
                                    <a:lnTo>
                                      <a:pt x="228" y="327"/>
                                    </a:lnTo>
                                    <a:lnTo>
                                      <a:pt x="223" y="331"/>
                                    </a:lnTo>
                                    <a:lnTo>
                                      <a:pt x="218" y="334"/>
                                    </a:lnTo>
                                    <a:lnTo>
                                      <a:pt x="213" y="337"/>
                                    </a:lnTo>
                                    <a:lnTo>
                                      <a:pt x="207" y="340"/>
                                    </a:lnTo>
                                    <a:lnTo>
                                      <a:pt x="201" y="342"/>
                                    </a:lnTo>
                                    <a:lnTo>
                                      <a:pt x="194" y="345"/>
                                    </a:lnTo>
                                    <a:lnTo>
                                      <a:pt x="188" y="347"/>
                                    </a:lnTo>
                                    <a:lnTo>
                                      <a:pt x="181" y="350"/>
                                    </a:lnTo>
                                    <a:lnTo>
                                      <a:pt x="174" y="351"/>
                                    </a:lnTo>
                                    <a:lnTo>
                                      <a:pt x="166" y="352"/>
                                    </a:lnTo>
                                    <a:lnTo>
                                      <a:pt x="159" y="354"/>
                                    </a:lnTo>
                                    <a:lnTo>
                                      <a:pt x="150" y="355"/>
                                    </a:lnTo>
                                    <a:lnTo>
                                      <a:pt x="143" y="357"/>
                                    </a:lnTo>
                                    <a:lnTo>
                                      <a:pt x="135" y="357"/>
                                    </a:lnTo>
                                    <a:lnTo>
                                      <a:pt x="126" y="357"/>
                                    </a:lnTo>
                                    <a:lnTo>
                                      <a:pt x="119" y="357"/>
                                    </a:lnTo>
                                    <a:lnTo>
                                      <a:pt x="119" y="357"/>
                                    </a:lnTo>
                                    <a:lnTo>
                                      <a:pt x="114" y="357"/>
                                    </a:lnTo>
                                    <a:lnTo>
                                      <a:pt x="111" y="357"/>
                                    </a:lnTo>
                                    <a:lnTo>
                                      <a:pt x="109" y="357"/>
                                    </a:lnTo>
                                    <a:lnTo>
                                      <a:pt x="106" y="357"/>
                                    </a:lnTo>
                                    <a:lnTo>
                                      <a:pt x="101" y="357"/>
                                    </a:lnTo>
                                    <a:lnTo>
                                      <a:pt x="98" y="357"/>
                                    </a:lnTo>
                                    <a:lnTo>
                                      <a:pt x="96" y="357"/>
                                    </a:lnTo>
                                    <a:lnTo>
                                      <a:pt x="93" y="357"/>
                                    </a:lnTo>
                                    <a:lnTo>
                                      <a:pt x="88" y="357"/>
                                    </a:lnTo>
                                    <a:lnTo>
                                      <a:pt x="85" y="357"/>
                                    </a:lnTo>
                                    <a:lnTo>
                                      <a:pt x="83" y="355"/>
                                    </a:lnTo>
                                    <a:lnTo>
                                      <a:pt x="78" y="355"/>
                                    </a:lnTo>
                                    <a:lnTo>
                                      <a:pt x="75" y="355"/>
                                    </a:lnTo>
                                    <a:lnTo>
                                      <a:pt x="72" y="355"/>
                                    </a:lnTo>
                                    <a:lnTo>
                                      <a:pt x="68" y="354"/>
                                    </a:lnTo>
                                    <a:lnTo>
                                      <a:pt x="65" y="354"/>
                                    </a:lnTo>
                                    <a:lnTo>
                                      <a:pt x="61" y="354"/>
                                    </a:lnTo>
                                    <a:lnTo>
                                      <a:pt x="58" y="352"/>
                                    </a:lnTo>
                                    <a:lnTo>
                                      <a:pt x="54" y="352"/>
                                    </a:lnTo>
                                    <a:lnTo>
                                      <a:pt x="51" y="352"/>
                                    </a:lnTo>
                                    <a:lnTo>
                                      <a:pt x="47" y="351"/>
                                    </a:lnTo>
                                    <a:lnTo>
                                      <a:pt x="42" y="351"/>
                                    </a:lnTo>
                                    <a:lnTo>
                                      <a:pt x="39" y="350"/>
                                    </a:lnTo>
                                    <a:lnTo>
                                      <a:pt x="35" y="350"/>
                                    </a:lnTo>
                                    <a:lnTo>
                                      <a:pt x="32" y="350"/>
                                    </a:lnTo>
                                    <a:lnTo>
                                      <a:pt x="28" y="348"/>
                                    </a:lnTo>
                                    <a:lnTo>
                                      <a:pt x="23" y="347"/>
                                    </a:lnTo>
                                    <a:lnTo>
                                      <a:pt x="21" y="347"/>
                                    </a:lnTo>
                                    <a:lnTo>
                                      <a:pt x="16" y="345"/>
                                    </a:lnTo>
                                    <a:lnTo>
                                      <a:pt x="12" y="345"/>
                                    </a:lnTo>
                                    <a:lnTo>
                                      <a:pt x="8" y="344"/>
                                    </a:lnTo>
                                    <a:lnTo>
                                      <a:pt x="5" y="342"/>
                                    </a:lnTo>
                                    <a:lnTo>
                                      <a:pt x="5" y="272"/>
                                    </a:lnTo>
                                    <a:lnTo>
                                      <a:pt x="5" y="272"/>
                                    </a:lnTo>
                                    <a:lnTo>
                                      <a:pt x="8" y="274"/>
                                    </a:lnTo>
                                    <a:lnTo>
                                      <a:pt x="12" y="275"/>
                                    </a:lnTo>
                                    <a:lnTo>
                                      <a:pt x="16" y="277"/>
                                    </a:lnTo>
                                    <a:lnTo>
                                      <a:pt x="21" y="278"/>
                                    </a:lnTo>
                                    <a:lnTo>
                                      <a:pt x="23" y="279"/>
                                    </a:lnTo>
                                    <a:lnTo>
                                      <a:pt x="28" y="281"/>
                                    </a:lnTo>
                                    <a:lnTo>
                                      <a:pt x="31" y="281"/>
                                    </a:lnTo>
                                    <a:lnTo>
                                      <a:pt x="35" y="282"/>
                                    </a:lnTo>
                                    <a:lnTo>
                                      <a:pt x="39" y="284"/>
                                    </a:lnTo>
                                    <a:lnTo>
                                      <a:pt x="42" y="284"/>
                                    </a:lnTo>
                                    <a:lnTo>
                                      <a:pt x="47" y="285"/>
                                    </a:lnTo>
                                    <a:lnTo>
                                      <a:pt x="49" y="287"/>
                                    </a:lnTo>
                                    <a:lnTo>
                                      <a:pt x="54" y="287"/>
                                    </a:lnTo>
                                    <a:lnTo>
                                      <a:pt x="57" y="288"/>
                                    </a:lnTo>
                                    <a:lnTo>
                                      <a:pt x="60" y="288"/>
                                    </a:lnTo>
                                    <a:lnTo>
                                      <a:pt x="64" y="289"/>
                                    </a:lnTo>
                                    <a:lnTo>
                                      <a:pt x="67" y="289"/>
                                    </a:lnTo>
                                    <a:lnTo>
                                      <a:pt x="70" y="291"/>
                                    </a:lnTo>
                                    <a:lnTo>
                                      <a:pt x="74" y="291"/>
                                    </a:lnTo>
                                    <a:lnTo>
                                      <a:pt x="77" y="291"/>
                                    </a:lnTo>
                                    <a:lnTo>
                                      <a:pt x="80" y="292"/>
                                    </a:lnTo>
                                    <a:lnTo>
                                      <a:pt x="83" y="292"/>
                                    </a:lnTo>
                                    <a:lnTo>
                                      <a:pt x="85" y="292"/>
                                    </a:lnTo>
                                    <a:lnTo>
                                      <a:pt x="90" y="294"/>
                                    </a:lnTo>
                                    <a:lnTo>
                                      <a:pt x="93" y="294"/>
                                    </a:lnTo>
                                    <a:lnTo>
                                      <a:pt x="96" y="294"/>
                                    </a:lnTo>
                                    <a:lnTo>
                                      <a:pt x="98" y="294"/>
                                    </a:lnTo>
                                    <a:lnTo>
                                      <a:pt x="101" y="294"/>
                                    </a:lnTo>
                                    <a:lnTo>
                                      <a:pt x="104" y="294"/>
                                    </a:lnTo>
                                    <a:lnTo>
                                      <a:pt x="107" y="294"/>
                                    </a:lnTo>
                                    <a:lnTo>
                                      <a:pt x="110" y="294"/>
                                    </a:lnTo>
                                    <a:lnTo>
                                      <a:pt x="113" y="294"/>
                                    </a:lnTo>
                                    <a:lnTo>
                                      <a:pt x="113" y="294"/>
                                    </a:lnTo>
                                    <a:lnTo>
                                      <a:pt x="116" y="294"/>
                                    </a:lnTo>
                                    <a:lnTo>
                                      <a:pt x="119" y="294"/>
                                    </a:lnTo>
                                    <a:lnTo>
                                      <a:pt x="123" y="294"/>
                                    </a:lnTo>
                                    <a:lnTo>
                                      <a:pt x="126" y="294"/>
                                    </a:lnTo>
                                    <a:lnTo>
                                      <a:pt x="129" y="294"/>
                                    </a:lnTo>
                                    <a:lnTo>
                                      <a:pt x="132" y="292"/>
                                    </a:lnTo>
                                    <a:lnTo>
                                      <a:pt x="135" y="292"/>
                                    </a:lnTo>
                                    <a:lnTo>
                                      <a:pt x="137" y="292"/>
                                    </a:lnTo>
                                    <a:lnTo>
                                      <a:pt x="140" y="291"/>
                                    </a:lnTo>
                                    <a:lnTo>
                                      <a:pt x="143" y="291"/>
                                    </a:lnTo>
                                    <a:lnTo>
                                      <a:pt x="145" y="289"/>
                                    </a:lnTo>
                                    <a:lnTo>
                                      <a:pt x="148" y="289"/>
                                    </a:lnTo>
                                    <a:lnTo>
                                      <a:pt x="150" y="288"/>
                                    </a:lnTo>
                                    <a:lnTo>
                                      <a:pt x="152" y="287"/>
                                    </a:lnTo>
                                    <a:lnTo>
                                      <a:pt x="153" y="287"/>
                                    </a:lnTo>
                                    <a:lnTo>
                                      <a:pt x="156" y="285"/>
                                    </a:lnTo>
                                    <a:lnTo>
                                      <a:pt x="158" y="284"/>
                                    </a:lnTo>
                                    <a:lnTo>
                                      <a:pt x="159" y="282"/>
                                    </a:lnTo>
                                    <a:lnTo>
                                      <a:pt x="161" y="281"/>
                                    </a:lnTo>
                                    <a:lnTo>
                                      <a:pt x="162" y="279"/>
                                    </a:lnTo>
                                    <a:lnTo>
                                      <a:pt x="163" y="278"/>
                                    </a:lnTo>
                                    <a:lnTo>
                                      <a:pt x="165" y="277"/>
                                    </a:lnTo>
                                    <a:lnTo>
                                      <a:pt x="165" y="275"/>
                                    </a:lnTo>
                                    <a:lnTo>
                                      <a:pt x="166" y="274"/>
                                    </a:lnTo>
                                    <a:lnTo>
                                      <a:pt x="168" y="272"/>
                                    </a:lnTo>
                                    <a:lnTo>
                                      <a:pt x="168" y="271"/>
                                    </a:lnTo>
                                    <a:lnTo>
                                      <a:pt x="169" y="269"/>
                                    </a:lnTo>
                                    <a:lnTo>
                                      <a:pt x="169" y="268"/>
                                    </a:lnTo>
                                    <a:lnTo>
                                      <a:pt x="169" y="265"/>
                                    </a:lnTo>
                                    <a:lnTo>
                                      <a:pt x="169" y="264"/>
                                    </a:lnTo>
                                    <a:lnTo>
                                      <a:pt x="169" y="262"/>
                                    </a:lnTo>
                                    <a:lnTo>
                                      <a:pt x="171" y="259"/>
                                    </a:lnTo>
                                    <a:lnTo>
                                      <a:pt x="171" y="259"/>
                                    </a:lnTo>
                                    <a:lnTo>
                                      <a:pt x="169" y="259"/>
                                    </a:lnTo>
                                    <a:lnTo>
                                      <a:pt x="169" y="258"/>
                                    </a:lnTo>
                                    <a:lnTo>
                                      <a:pt x="169" y="258"/>
                                    </a:lnTo>
                                    <a:lnTo>
                                      <a:pt x="169" y="257"/>
                                    </a:lnTo>
                                    <a:lnTo>
                                      <a:pt x="169" y="255"/>
                                    </a:lnTo>
                                    <a:lnTo>
                                      <a:pt x="169" y="255"/>
                                    </a:lnTo>
                                    <a:lnTo>
                                      <a:pt x="169" y="254"/>
                                    </a:lnTo>
                                    <a:lnTo>
                                      <a:pt x="169" y="252"/>
                                    </a:lnTo>
                                    <a:lnTo>
                                      <a:pt x="168" y="252"/>
                                    </a:lnTo>
                                    <a:lnTo>
                                      <a:pt x="168" y="251"/>
                                    </a:lnTo>
                                    <a:lnTo>
                                      <a:pt x="168" y="249"/>
                                    </a:lnTo>
                                    <a:lnTo>
                                      <a:pt x="168" y="249"/>
                                    </a:lnTo>
                                    <a:lnTo>
                                      <a:pt x="166" y="248"/>
                                    </a:lnTo>
                                    <a:lnTo>
                                      <a:pt x="166" y="246"/>
                                    </a:lnTo>
                                    <a:lnTo>
                                      <a:pt x="165" y="246"/>
                                    </a:lnTo>
                                    <a:lnTo>
                                      <a:pt x="165" y="245"/>
                                    </a:lnTo>
                                    <a:lnTo>
                                      <a:pt x="165" y="245"/>
                                    </a:lnTo>
                                    <a:lnTo>
                                      <a:pt x="163" y="244"/>
                                    </a:lnTo>
                                    <a:lnTo>
                                      <a:pt x="162" y="242"/>
                                    </a:lnTo>
                                    <a:lnTo>
                                      <a:pt x="162" y="242"/>
                                    </a:lnTo>
                                    <a:lnTo>
                                      <a:pt x="161" y="241"/>
                                    </a:lnTo>
                                    <a:lnTo>
                                      <a:pt x="161" y="241"/>
                                    </a:lnTo>
                                    <a:lnTo>
                                      <a:pt x="159" y="239"/>
                                    </a:lnTo>
                                    <a:lnTo>
                                      <a:pt x="158" y="239"/>
                                    </a:lnTo>
                                    <a:lnTo>
                                      <a:pt x="156" y="238"/>
                                    </a:lnTo>
                                    <a:lnTo>
                                      <a:pt x="155" y="238"/>
                                    </a:lnTo>
                                    <a:lnTo>
                                      <a:pt x="155" y="236"/>
                                    </a:lnTo>
                                    <a:lnTo>
                                      <a:pt x="153" y="235"/>
                                    </a:lnTo>
                                    <a:lnTo>
                                      <a:pt x="152" y="235"/>
                                    </a:lnTo>
                                    <a:lnTo>
                                      <a:pt x="150" y="234"/>
                                    </a:lnTo>
                                    <a:lnTo>
                                      <a:pt x="149" y="234"/>
                                    </a:lnTo>
                                    <a:lnTo>
                                      <a:pt x="148" y="232"/>
                                    </a:lnTo>
                                    <a:lnTo>
                                      <a:pt x="75" y="204"/>
                                    </a:lnTo>
                                    <a:lnTo>
                                      <a:pt x="75" y="204"/>
                                    </a:lnTo>
                                    <a:lnTo>
                                      <a:pt x="70" y="202"/>
                                    </a:lnTo>
                                    <a:lnTo>
                                      <a:pt x="65" y="199"/>
                                    </a:lnTo>
                                    <a:lnTo>
                                      <a:pt x="61" y="198"/>
                                    </a:lnTo>
                                    <a:lnTo>
                                      <a:pt x="57" y="195"/>
                                    </a:lnTo>
                                    <a:lnTo>
                                      <a:pt x="52" y="192"/>
                                    </a:lnTo>
                                    <a:lnTo>
                                      <a:pt x="48" y="191"/>
                                    </a:lnTo>
                                    <a:lnTo>
                                      <a:pt x="45" y="188"/>
                                    </a:lnTo>
                                    <a:lnTo>
                                      <a:pt x="41" y="185"/>
                                    </a:lnTo>
                                    <a:lnTo>
                                      <a:pt x="38" y="182"/>
                                    </a:lnTo>
                                    <a:lnTo>
                                      <a:pt x="34" y="179"/>
                                    </a:lnTo>
                                    <a:lnTo>
                                      <a:pt x="31" y="176"/>
                                    </a:lnTo>
                                    <a:lnTo>
                                      <a:pt x="28" y="173"/>
                                    </a:lnTo>
                                    <a:lnTo>
                                      <a:pt x="25" y="171"/>
                                    </a:lnTo>
                                    <a:lnTo>
                                      <a:pt x="22" y="168"/>
                                    </a:lnTo>
                                    <a:lnTo>
                                      <a:pt x="21" y="165"/>
                                    </a:lnTo>
                                    <a:lnTo>
                                      <a:pt x="18" y="162"/>
                                    </a:lnTo>
                                    <a:lnTo>
                                      <a:pt x="15" y="159"/>
                                    </a:lnTo>
                                    <a:lnTo>
                                      <a:pt x="13" y="155"/>
                                    </a:lnTo>
                                    <a:lnTo>
                                      <a:pt x="12" y="152"/>
                                    </a:lnTo>
                                    <a:lnTo>
                                      <a:pt x="9" y="149"/>
                                    </a:lnTo>
                                    <a:lnTo>
                                      <a:pt x="8" y="145"/>
                                    </a:lnTo>
                                    <a:lnTo>
                                      <a:pt x="6" y="142"/>
                                    </a:lnTo>
                                    <a:lnTo>
                                      <a:pt x="5" y="138"/>
                                    </a:lnTo>
                                    <a:lnTo>
                                      <a:pt x="5" y="135"/>
                                    </a:lnTo>
                                    <a:lnTo>
                                      <a:pt x="3" y="131"/>
                                    </a:lnTo>
                                    <a:lnTo>
                                      <a:pt x="2" y="128"/>
                                    </a:lnTo>
                                    <a:lnTo>
                                      <a:pt x="2" y="123"/>
                                    </a:lnTo>
                                    <a:lnTo>
                                      <a:pt x="0" y="119"/>
                                    </a:lnTo>
                                    <a:lnTo>
                                      <a:pt x="0" y="116"/>
                                    </a:lnTo>
                                    <a:lnTo>
                                      <a:pt x="0" y="112"/>
                                    </a:lnTo>
                                    <a:lnTo>
                                      <a:pt x="0" y="108"/>
                                    </a:lnTo>
                                    <a:lnTo>
                                      <a:pt x="0" y="103"/>
                                    </a:lnTo>
                                    <a:lnTo>
                                      <a:pt x="0" y="103"/>
                                    </a:lnTo>
                                    <a:lnTo>
                                      <a:pt x="0" y="98"/>
                                    </a:lnTo>
                                    <a:lnTo>
                                      <a:pt x="0" y="92"/>
                                    </a:lnTo>
                                    <a:lnTo>
                                      <a:pt x="2" y="86"/>
                                    </a:lnTo>
                                    <a:lnTo>
                                      <a:pt x="2" y="80"/>
                                    </a:lnTo>
                                    <a:lnTo>
                                      <a:pt x="3" y="76"/>
                                    </a:lnTo>
                                    <a:lnTo>
                                      <a:pt x="5" y="70"/>
                                    </a:lnTo>
                                    <a:lnTo>
                                      <a:pt x="8" y="66"/>
                                    </a:lnTo>
                                    <a:lnTo>
                                      <a:pt x="10" y="60"/>
                                    </a:lnTo>
                                    <a:lnTo>
                                      <a:pt x="12" y="56"/>
                                    </a:lnTo>
                                    <a:lnTo>
                                      <a:pt x="15" y="52"/>
                                    </a:lnTo>
                                    <a:lnTo>
                                      <a:pt x="19" y="48"/>
                                    </a:lnTo>
                                    <a:lnTo>
                                      <a:pt x="22" y="43"/>
                                    </a:lnTo>
                                    <a:lnTo>
                                      <a:pt x="26" y="39"/>
                                    </a:lnTo>
                                    <a:lnTo>
                                      <a:pt x="29" y="36"/>
                                    </a:lnTo>
                                    <a:lnTo>
                                      <a:pt x="34" y="32"/>
                                    </a:lnTo>
                                    <a:lnTo>
                                      <a:pt x="39" y="29"/>
                                    </a:lnTo>
                                    <a:lnTo>
                                      <a:pt x="44" y="25"/>
                                    </a:lnTo>
                                    <a:lnTo>
                                      <a:pt x="48" y="22"/>
                                    </a:lnTo>
                                    <a:lnTo>
                                      <a:pt x="54" y="19"/>
                                    </a:lnTo>
                                    <a:lnTo>
                                      <a:pt x="60" y="16"/>
                                    </a:lnTo>
                                    <a:lnTo>
                                      <a:pt x="65" y="15"/>
                                    </a:lnTo>
                                    <a:lnTo>
                                      <a:pt x="71" y="12"/>
                                    </a:lnTo>
                                    <a:lnTo>
                                      <a:pt x="77" y="10"/>
                                    </a:lnTo>
                                    <a:lnTo>
                                      <a:pt x="84" y="7"/>
                                    </a:lnTo>
                                    <a:lnTo>
                                      <a:pt x="90" y="6"/>
                                    </a:lnTo>
                                    <a:lnTo>
                                      <a:pt x="97" y="5"/>
                                    </a:lnTo>
                                    <a:lnTo>
                                      <a:pt x="104" y="3"/>
                                    </a:lnTo>
                                    <a:lnTo>
                                      <a:pt x="111" y="3"/>
                                    </a:lnTo>
                                    <a:lnTo>
                                      <a:pt x="119" y="2"/>
                                    </a:lnTo>
                                    <a:lnTo>
                                      <a:pt x="127" y="2"/>
                                    </a:lnTo>
                                    <a:lnTo>
                                      <a:pt x="135" y="2"/>
                                    </a:lnTo>
                                    <a:lnTo>
                                      <a:pt x="143" y="0"/>
                                    </a:lnTo>
                                    <a:lnTo>
                                      <a:pt x="143" y="0"/>
                                    </a:lnTo>
                                    <a:lnTo>
                                      <a:pt x="146" y="2"/>
                                    </a:lnTo>
                                    <a:lnTo>
                                      <a:pt x="149" y="2"/>
                                    </a:lnTo>
                                    <a:lnTo>
                                      <a:pt x="152" y="2"/>
                                    </a:lnTo>
                                    <a:lnTo>
                                      <a:pt x="155" y="2"/>
                                    </a:lnTo>
                                    <a:lnTo>
                                      <a:pt x="158" y="2"/>
                                    </a:lnTo>
                                    <a:lnTo>
                                      <a:pt x="161" y="2"/>
                                    </a:lnTo>
                                    <a:lnTo>
                                      <a:pt x="165" y="2"/>
                                    </a:lnTo>
                                    <a:lnTo>
                                      <a:pt x="168" y="2"/>
                                    </a:lnTo>
                                    <a:lnTo>
                                      <a:pt x="171" y="3"/>
                                    </a:lnTo>
                                    <a:lnTo>
                                      <a:pt x="174" y="3"/>
                                    </a:lnTo>
                                    <a:lnTo>
                                      <a:pt x="178" y="3"/>
                                    </a:lnTo>
                                    <a:lnTo>
                                      <a:pt x="181" y="3"/>
                                    </a:lnTo>
                                    <a:lnTo>
                                      <a:pt x="184" y="5"/>
                                    </a:lnTo>
                                    <a:lnTo>
                                      <a:pt x="187" y="5"/>
                                    </a:lnTo>
                                    <a:lnTo>
                                      <a:pt x="191" y="5"/>
                                    </a:lnTo>
                                    <a:lnTo>
                                      <a:pt x="194" y="6"/>
                                    </a:lnTo>
                                    <a:lnTo>
                                      <a:pt x="197" y="6"/>
                                    </a:lnTo>
                                    <a:lnTo>
                                      <a:pt x="201" y="6"/>
                                    </a:lnTo>
                                    <a:lnTo>
                                      <a:pt x="204" y="7"/>
                                    </a:lnTo>
                                    <a:lnTo>
                                      <a:pt x="207" y="7"/>
                                    </a:lnTo>
                                    <a:lnTo>
                                      <a:pt x="210" y="9"/>
                                    </a:lnTo>
                                    <a:lnTo>
                                      <a:pt x="214" y="9"/>
                                    </a:lnTo>
                                    <a:lnTo>
                                      <a:pt x="217" y="9"/>
                                    </a:lnTo>
                                    <a:lnTo>
                                      <a:pt x="220" y="10"/>
                                    </a:lnTo>
                                    <a:lnTo>
                                      <a:pt x="223" y="10"/>
                                    </a:lnTo>
                                    <a:lnTo>
                                      <a:pt x="227" y="12"/>
                                    </a:lnTo>
                                    <a:lnTo>
                                      <a:pt x="230" y="12"/>
                                    </a:lnTo>
                                    <a:lnTo>
                                      <a:pt x="233" y="13"/>
                                    </a:lnTo>
                                    <a:lnTo>
                                      <a:pt x="236" y="13"/>
                                    </a:lnTo>
                                    <a:lnTo>
                                      <a:pt x="238" y="15"/>
                                    </a:lnTo>
                                    <a:lnTo>
                                      <a:pt x="241" y="15"/>
                                    </a:lnTo>
                                    <a:lnTo>
                                      <a:pt x="246" y="15"/>
                                    </a:lnTo>
                                    <a:close/>
                                    <a:moveTo>
                                      <a:pt x="422" y="7"/>
                                    </a:moveTo>
                                    <a:lnTo>
                                      <a:pt x="422" y="350"/>
                                    </a:lnTo>
                                    <a:lnTo>
                                      <a:pt x="318" y="350"/>
                                    </a:lnTo>
                                    <a:lnTo>
                                      <a:pt x="318" y="7"/>
                                    </a:lnTo>
                                    <a:lnTo>
                                      <a:pt x="422" y="7"/>
                                    </a:lnTo>
                                    <a:close/>
                                    <a:moveTo>
                                      <a:pt x="758" y="7"/>
                                    </a:moveTo>
                                    <a:lnTo>
                                      <a:pt x="758" y="70"/>
                                    </a:lnTo>
                                    <a:lnTo>
                                      <a:pt x="604" y="70"/>
                                    </a:lnTo>
                                    <a:lnTo>
                                      <a:pt x="604" y="146"/>
                                    </a:lnTo>
                                    <a:lnTo>
                                      <a:pt x="739" y="146"/>
                                    </a:lnTo>
                                    <a:lnTo>
                                      <a:pt x="739" y="204"/>
                                    </a:lnTo>
                                    <a:lnTo>
                                      <a:pt x="604" y="204"/>
                                    </a:lnTo>
                                    <a:lnTo>
                                      <a:pt x="604" y="284"/>
                                    </a:lnTo>
                                    <a:lnTo>
                                      <a:pt x="762" y="284"/>
                                    </a:lnTo>
                                    <a:lnTo>
                                      <a:pt x="762" y="350"/>
                                    </a:lnTo>
                                    <a:lnTo>
                                      <a:pt x="503" y="350"/>
                                    </a:lnTo>
                                    <a:lnTo>
                                      <a:pt x="503" y="7"/>
                                    </a:lnTo>
                                    <a:lnTo>
                                      <a:pt x="758" y="7"/>
                                    </a:lnTo>
                                    <a:close/>
                                    <a:moveTo>
                                      <a:pt x="1246" y="7"/>
                                    </a:moveTo>
                                    <a:lnTo>
                                      <a:pt x="1246" y="350"/>
                                    </a:lnTo>
                                    <a:lnTo>
                                      <a:pt x="1146" y="350"/>
                                    </a:lnTo>
                                    <a:lnTo>
                                      <a:pt x="1146" y="123"/>
                                    </a:lnTo>
                                    <a:lnTo>
                                      <a:pt x="1047" y="352"/>
                                    </a:lnTo>
                                    <a:lnTo>
                                      <a:pt x="986" y="352"/>
                                    </a:lnTo>
                                    <a:lnTo>
                                      <a:pt x="889" y="123"/>
                                    </a:lnTo>
                                    <a:lnTo>
                                      <a:pt x="889" y="350"/>
                                    </a:lnTo>
                                    <a:lnTo>
                                      <a:pt x="819" y="350"/>
                                    </a:lnTo>
                                    <a:lnTo>
                                      <a:pt x="819" y="7"/>
                                    </a:lnTo>
                                    <a:lnTo>
                                      <a:pt x="947" y="7"/>
                                    </a:lnTo>
                                    <a:lnTo>
                                      <a:pt x="1032" y="216"/>
                                    </a:lnTo>
                                    <a:lnTo>
                                      <a:pt x="1123" y="7"/>
                                    </a:lnTo>
                                    <a:lnTo>
                                      <a:pt x="1246" y="7"/>
                                    </a:lnTo>
                                    <a:close/>
                                    <a:moveTo>
                                      <a:pt x="1582" y="7"/>
                                    </a:moveTo>
                                    <a:lnTo>
                                      <a:pt x="1582" y="70"/>
                                    </a:lnTo>
                                    <a:lnTo>
                                      <a:pt x="1425" y="70"/>
                                    </a:lnTo>
                                    <a:lnTo>
                                      <a:pt x="1425" y="146"/>
                                    </a:lnTo>
                                    <a:lnTo>
                                      <a:pt x="1562" y="146"/>
                                    </a:lnTo>
                                    <a:lnTo>
                                      <a:pt x="1562" y="204"/>
                                    </a:lnTo>
                                    <a:lnTo>
                                      <a:pt x="1425" y="204"/>
                                    </a:lnTo>
                                    <a:lnTo>
                                      <a:pt x="1425" y="284"/>
                                    </a:lnTo>
                                    <a:lnTo>
                                      <a:pt x="1585" y="284"/>
                                    </a:lnTo>
                                    <a:lnTo>
                                      <a:pt x="1585" y="350"/>
                                    </a:lnTo>
                                    <a:lnTo>
                                      <a:pt x="1325" y="350"/>
                                    </a:lnTo>
                                    <a:lnTo>
                                      <a:pt x="1325" y="7"/>
                                    </a:lnTo>
                                    <a:lnTo>
                                      <a:pt x="1582" y="7"/>
                                    </a:lnTo>
                                    <a:close/>
                                    <a:moveTo>
                                      <a:pt x="1946" y="7"/>
                                    </a:moveTo>
                                    <a:lnTo>
                                      <a:pt x="1946" y="350"/>
                                    </a:lnTo>
                                    <a:lnTo>
                                      <a:pt x="1836" y="350"/>
                                    </a:lnTo>
                                    <a:lnTo>
                                      <a:pt x="1712" y="129"/>
                                    </a:lnTo>
                                    <a:lnTo>
                                      <a:pt x="1712" y="350"/>
                                    </a:lnTo>
                                    <a:lnTo>
                                      <a:pt x="1643" y="350"/>
                                    </a:lnTo>
                                    <a:lnTo>
                                      <a:pt x="1643" y="7"/>
                                    </a:lnTo>
                                    <a:lnTo>
                                      <a:pt x="1757" y="7"/>
                                    </a:lnTo>
                                    <a:lnTo>
                                      <a:pt x="1875" y="224"/>
                                    </a:lnTo>
                                    <a:lnTo>
                                      <a:pt x="1875" y="7"/>
                                    </a:lnTo>
                                    <a:lnTo>
                                      <a:pt x="1946" y="7"/>
                                    </a:lnTo>
                                    <a:close/>
                                    <a:moveTo>
                                      <a:pt x="2245" y="15"/>
                                    </a:moveTo>
                                    <a:lnTo>
                                      <a:pt x="2245" y="80"/>
                                    </a:lnTo>
                                    <a:lnTo>
                                      <a:pt x="2245" y="80"/>
                                    </a:lnTo>
                                    <a:lnTo>
                                      <a:pt x="2240" y="80"/>
                                    </a:lnTo>
                                    <a:lnTo>
                                      <a:pt x="2238" y="79"/>
                                    </a:lnTo>
                                    <a:lnTo>
                                      <a:pt x="2235" y="78"/>
                                    </a:lnTo>
                                    <a:lnTo>
                                      <a:pt x="2232" y="76"/>
                                    </a:lnTo>
                                    <a:lnTo>
                                      <a:pt x="2229" y="75"/>
                                    </a:lnTo>
                                    <a:lnTo>
                                      <a:pt x="2226" y="73"/>
                                    </a:lnTo>
                                    <a:lnTo>
                                      <a:pt x="2223" y="73"/>
                                    </a:lnTo>
                                    <a:lnTo>
                                      <a:pt x="2220" y="72"/>
                                    </a:lnTo>
                                    <a:lnTo>
                                      <a:pt x="2217" y="70"/>
                                    </a:lnTo>
                                    <a:lnTo>
                                      <a:pt x="2214" y="70"/>
                                    </a:lnTo>
                                    <a:lnTo>
                                      <a:pt x="2210" y="69"/>
                                    </a:lnTo>
                                    <a:lnTo>
                                      <a:pt x="2207" y="69"/>
                                    </a:lnTo>
                                    <a:lnTo>
                                      <a:pt x="2204" y="68"/>
                                    </a:lnTo>
                                    <a:lnTo>
                                      <a:pt x="2202" y="68"/>
                                    </a:lnTo>
                                    <a:lnTo>
                                      <a:pt x="2199" y="66"/>
                                    </a:lnTo>
                                    <a:lnTo>
                                      <a:pt x="2196" y="66"/>
                                    </a:lnTo>
                                    <a:lnTo>
                                      <a:pt x="2193" y="65"/>
                                    </a:lnTo>
                                    <a:lnTo>
                                      <a:pt x="2190" y="65"/>
                                    </a:lnTo>
                                    <a:lnTo>
                                      <a:pt x="2187" y="65"/>
                                    </a:lnTo>
                                    <a:lnTo>
                                      <a:pt x="2184" y="63"/>
                                    </a:lnTo>
                                    <a:lnTo>
                                      <a:pt x="2181" y="63"/>
                                    </a:lnTo>
                                    <a:lnTo>
                                      <a:pt x="2178" y="63"/>
                                    </a:lnTo>
                                    <a:lnTo>
                                      <a:pt x="2176" y="62"/>
                                    </a:lnTo>
                                    <a:lnTo>
                                      <a:pt x="2173" y="62"/>
                                    </a:lnTo>
                                    <a:lnTo>
                                      <a:pt x="2170" y="62"/>
                                    </a:lnTo>
                                    <a:lnTo>
                                      <a:pt x="2167" y="62"/>
                                    </a:lnTo>
                                    <a:lnTo>
                                      <a:pt x="2164" y="62"/>
                                    </a:lnTo>
                                    <a:lnTo>
                                      <a:pt x="2161" y="62"/>
                                    </a:lnTo>
                                    <a:lnTo>
                                      <a:pt x="2158" y="62"/>
                                    </a:lnTo>
                                    <a:lnTo>
                                      <a:pt x="2155" y="62"/>
                                    </a:lnTo>
                                    <a:lnTo>
                                      <a:pt x="2152" y="62"/>
                                    </a:lnTo>
                                    <a:lnTo>
                                      <a:pt x="2151" y="60"/>
                                    </a:lnTo>
                                    <a:lnTo>
                                      <a:pt x="2151" y="60"/>
                                    </a:lnTo>
                                    <a:lnTo>
                                      <a:pt x="2147" y="62"/>
                                    </a:lnTo>
                                    <a:lnTo>
                                      <a:pt x="2144" y="62"/>
                                    </a:lnTo>
                                    <a:lnTo>
                                      <a:pt x="2141" y="62"/>
                                    </a:lnTo>
                                    <a:lnTo>
                                      <a:pt x="2138" y="62"/>
                                    </a:lnTo>
                                    <a:lnTo>
                                      <a:pt x="2135" y="62"/>
                                    </a:lnTo>
                                    <a:lnTo>
                                      <a:pt x="2134" y="62"/>
                                    </a:lnTo>
                                    <a:lnTo>
                                      <a:pt x="2131" y="63"/>
                                    </a:lnTo>
                                    <a:lnTo>
                                      <a:pt x="2128" y="63"/>
                                    </a:lnTo>
                                    <a:lnTo>
                                      <a:pt x="2126" y="63"/>
                                    </a:lnTo>
                                    <a:lnTo>
                                      <a:pt x="2124" y="65"/>
                                    </a:lnTo>
                                    <a:lnTo>
                                      <a:pt x="2121" y="65"/>
                                    </a:lnTo>
                                    <a:lnTo>
                                      <a:pt x="2119" y="66"/>
                                    </a:lnTo>
                                    <a:lnTo>
                                      <a:pt x="2118" y="66"/>
                                    </a:lnTo>
                                    <a:lnTo>
                                      <a:pt x="2115" y="68"/>
                                    </a:lnTo>
                                    <a:lnTo>
                                      <a:pt x="2113" y="69"/>
                                    </a:lnTo>
                                    <a:lnTo>
                                      <a:pt x="2112" y="69"/>
                                    </a:lnTo>
                                    <a:lnTo>
                                      <a:pt x="2111" y="70"/>
                                    </a:lnTo>
                                    <a:lnTo>
                                      <a:pt x="2109" y="72"/>
                                    </a:lnTo>
                                    <a:lnTo>
                                      <a:pt x="2108" y="73"/>
                                    </a:lnTo>
                                    <a:lnTo>
                                      <a:pt x="2106" y="73"/>
                                    </a:lnTo>
                                    <a:lnTo>
                                      <a:pt x="2105" y="75"/>
                                    </a:lnTo>
                                    <a:lnTo>
                                      <a:pt x="2103" y="76"/>
                                    </a:lnTo>
                                    <a:lnTo>
                                      <a:pt x="2103" y="78"/>
                                    </a:lnTo>
                                    <a:lnTo>
                                      <a:pt x="2102" y="79"/>
                                    </a:lnTo>
                                    <a:lnTo>
                                      <a:pt x="2100" y="80"/>
                                    </a:lnTo>
                                    <a:lnTo>
                                      <a:pt x="2100" y="82"/>
                                    </a:lnTo>
                                    <a:lnTo>
                                      <a:pt x="2099" y="83"/>
                                    </a:lnTo>
                                    <a:lnTo>
                                      <a:pt x="2099" y="83"/>
                                    </a:lnTo>
                                    <a:lnTo>
                                      <a:pt x="2099" y="85"/>
                                    </a:lnTo>
                                    <a:lnTo>
                                      <a:pt x="2099" y="86"/>
                                    </a:lnTo>
                                    <a:lnTo>
                                      <a:pt x="2099" y="88"/>
                                    </a:lnTo>
                                    <a:lnTo>
                                      <a:pt x="2099" y="89"/>
                                    </a:lnTo>
                                    <a:lnTo>
                                      <a:pt x="2099" y="89"/>
                                    </a:lnTo>
                                    <a:lnTo>
                                      <a:pt x="2099" y="90"/>
                                    </a:lnTo>
                                    <a:lnTo>
                                      <a:pt x="2099" y="92"/>
                                    </a:lnTo>
                                    <a:lnTo>
                                      <a:pt x="2099" y="93"/>
                                    </a:lnTo>
                                    <a:lnTo>
                                      <a:pt x="2099" y="95"/>
                                    </a:lnTo>
                                    <a:lnTo>
                                      <a:pt x="2099" y="96"/>
                                    </a:lnTo>
                                    <a:lnTo>
                                      <a:pt x="2099" y="98"/>
                                    </a:lnTo>
                                    <a:lnTo>
                                      <a:pt x="2099" y="98"/>
                                    </a:lnTo>
                                    <a:lnTo>
                                      <a:pt x="2099" y="99"/>
                                    </a:lnTo>
                                    <a:lnTo>
                                      <a:pt x="2100" y="100"/>
                                    </a:lnTo>
                                    <a:lnTo>
                                      <a:pt x="2100" y="102"/>
                                    </a:lnTo>
                                    <a:lnTo>
                                      <a:pt x="2100" y="102"/>
                                    </a:lnTo>
                                    <a:lnTo>
                                      <a:pt x="2102" y="103"/>
                                    </a:lnTo>
                                    <a:lnTo>
                                      <a:pt x="2102" y="105"/>
                                    </a:lnTo>
                                    <a:lnTo>
                                      <a:pt x="2103" y="105"/>
                                    </a:lnTo>
                                    <a:lnTo>
                                      <a:pt x="2103" y="106"/>
                                    </a:lnTo>
                                    <a:lnTo>
                                      <a:pt x="2105" y="106"/>
                                    </a:lnTo>
                                    <a:lnTo>
                                      <a:pt x="2105" y="108"/>
                                    </a:lnTo>
                                    <a:lnTo>
                                      <a:pt x="2106" y="109"/>
                                    </a:lnTo>
                                    <a:lnTo>
                                      <a:pt x="2108" y="109"/>
                                    </a:lnTo>
                                    <a:lnTo>
                                      <a:pt x="2109" y="111"/>
                                    </a:lnTo>
                                    <a:lnTo>
                                      <a:pt x="2109" y="111"/>
                                    </a:lnTo>
                                    <a:lnTo>
                                      <a:pt x="2111" y="112"/>
                                    </a:lnTo>
                                    <a:lnTo>
                                      <a:pt x="2112" y="113"/>
                                    </a:lnTo>
                                    <a:lnTo>
                                      <a:pt x="2113" y="113"/>
                                    </a:lnTo>
                                    <a:lnTo>
                                      <a:pt x="2116" y="115"/>
                                    </a:lnTo>
                                    <a:lnTo>
                                      <a:pt x="2118" y="115"/>
                                    </a:lnTo>
                                    <a:lnTo>
                                      <a:pt x="2119" y="116"/>
                                    </a:lnTo>
                                    <a:lnTo>
                                      <a:pt x="2121" y="116"/>
                                    </a:lnTo>
                                    <a:lnTo>
                                      <a:pt x="2124" y="118"/>
                                    </a:lnTo>
                                    <a:lnTo>
                                      <a:pt x="2125" y="118"/>
                                    </a:lnTo>
                                    <a:lnTo>
                                      <a:pt x="2128" y="119"/>
                                    </a:lnTo>
                                    <a:lnTo>
                                      <a:pt x="2131" y="119"/>
                                    </a:lnTo>
                                    <a:lnTo>
                                      <a:pt x="2197" y="149"/>
                                    </a:lnTo>
                                    <a:lnTo>
                                      <a:pt x="2197" y="149"/>
                                    </a:lnTo>
                                    <a:lnTo>
                                      <a:pt x="2202" y="152"/>
                                    </a:lnTo>
                                    <a:lnTo>
                                      <a:pt x="2206" y="155"/>
                                    </a:lnTo>
                                    <a:lnTo>
                                      <a:pt x="2209" y="156"/>
                                    </a:lnTo>
                                    <a:lnTo>
                                      <a:pt x="2213" y="159"/>
                                    </a:lnTo>
                                    <a:lnTo>
                                      <a:pt x="2217" y="162"/>
                                    </a:lnTo>
                                    <a:lnTo>
                                      <a:pt x="2222" y="165"/>
                                    </a:lnTo>
                                    <a:lnTo>
                                      <a:pt x="2225" y="166"/>
                                    </a:lnTo>
                                    <a:lnTo>
                                      <a:pt x="2229" y="169"/>
                                    </a:lnTo>
                                    <a:lnTo>
                                      <a:pt x="2232" y="172"/>
                                    </a:lnTo>
                                    <a:lnTo>
                                      <a:pt x="2235" y="175"/>
                                    </a:lnTo>
                                    <a:lnTo>
                                      <a:pt x="2239" y="178"/>
                                    </a:lnTo>
                                    <a:lnTo>
                                      <a:pt x="2242" y="181"/>
                                    </a:lnTo>
                                    <a:lnTo>
                                      <a:pt x="2245" y="184"/>
                                    </a:lnTo>
                                    <a:lnTo>
                                      <a:pt x="2248" y="186"/>
                                    </a:lnTo>
                                    <a:lnTo>
                                      <a:pt x="2251" y="189"/>
                                    </a:lnTo>
                                    <a:lnTo>
                                      <a:pt x="2252" y="192"/>
                                    </a:lnTo>
                                    <a:lnTo>
                                      <a:pt x="2255" y="195"/>
                                    </a:lnTo>
                                    <a:lnTo>
                                      <a:pt x="2258" y="198"/>
                                    </a:lnTo>
                                    <a:lnTo>
                                      <a:pt x="2259" y="201"/>
                                    </a:lnTo>
                                    <a:lnTo>
                                      <a:pt x="2261" y="205"/>
                                    </a:lnTo>
                                    <a:lnTo>
                                      <a:pt x="2264" y="208"/>
                                    </a:lnTo>
                                    <a:lnTo>
                                      <a:pt x="2265" y="212"/>
                                    </a:lnTo>
                                    <a:lnTo>
                                      <a:pt x="2266" y="215"/>
                                    </a:lnTo>
                                    <a:lnTo>
                                      <a:pt x="2268" y="218"/>
                                    </a:lnTo>
                                    <a:lnTo>
                                      <a:pt x="2269" y="222"/>
                                    </a:lnTo>
                                    <a:lnTo>
                                      <a:pt x="2269" y="226"/>
                                    </a:lnTo>
                                    <a:lnTo>
                                      <a:pt x="2271" y="229"/>
                                    </a:lnTo>
                                    <a:lnTo>
                                      <a:pt x="2272" y="234"/>
                                    </a:lnTo>
                                    <a:lnTo>
                                      <a:pt x="2272" y="238"/>
                                    </a:lnTo>
                                    <a:lnTo>
                                      <a:pt x="2272" y="242"/>
                                    </a:lnTo>
                                    <a:lnTo>
                                      <a:pt x="2272" y="246"/>
                                    </a:lnTo>
                                    <a:lnTo>
                                      <a:pt x="2274" y="249"/>
                                    </a:lnTo>
                                    <a:lnTo>
                                      <a:pt x="2274" y="249"/>
                                    </a:lnTo>
                                    <a:lnTo>
                                      <a:pt x="2272" y="257"/>
                                    </a:lnTo>
                                    <a:lnTo>
                                      <a:pt x="2272" y="262"/>
                                    </a:lnTo>
                                    <a:lnTo>
                                      <a:pt x="2271" y="268"/>
                                    </a:lnTo>
                                    <a:lnTo>
                                      <a:pt x="2271" y="272"/>
                                    </a:lnTo>
                                    <a:lnTo>
                                      <a:pt x="2269" y="278"/>
                                    </a:lnTo>
                                    <a:lnTo>
                                      <a:pt x="2266" y="284"/>
                                    </a:lnTo>
                                    <a:lnTo>
                                      <a:pt x="2265" y="288"/>
                                    </a:lnTo>
                                    <a:lnTo>
                                      <a:pt x="2262" y="294"/>
                                    </a:lnTo>
                                    <a:lnTo>
                                      <a:pt x="2259" y="298"/>
                                    </a:lnTo>
                                    <a:lnTo>
                                      <a:pt x="2256" y="302"/>
                                    </a:lnTo>
                                    <a:lnTo>
                                      <a:pt x="2252" y="308"/>
                                    </a:lnTo>
                                    <a:lnTo>
                                      <a:pt x="2249" y="312"/>
                                    </a:lnTo>
                                    <a:lnTo>
                                      <a:pt x="2245" y="315"/>
                                    </a:lnTo>
                                    <a:lnTo>
                                      <a:pt x="2240" y="319"/>
                                    </a:lnTo>
                                    <a:lnTo>
                                      <a:pt x="2236" y="324"/>
                                    </a:lnTo>
                                    <a:lnTo>
                                      <a:pt x="2232" y="327"/>
                                    </a:lnTo>
                                    <a:lnTo>
                                      <a:pt x="2226" y="331"/>
                                    </a:lnTo>
                                    <a:lnTo>
                                      <a:pt x="2220" y="334"/>
                                    </a:lnTo>
                                    <a:lnTo>
                                      <a:pt x="2214" y="337"/>
                                    </a:lnTo>
                                    <a:lnTo>
                                      <a:pt x="2209" y="340"/>
                                    </a:lnTo>
                                    <a:lnTo>
                                      <a:pt x="2203" y="342"/>
                                    </a:lnTo>
                                    <a:lnTo>
                                      <a:pt x="2197" y="345"/>
                                    </a:lnTo>
                                    <a:lnTo>
                                      <a:pt x="2190" y="348"/>
                                    </a:lnTo>
                                    <a:lnTo>
                                      <a:pt x="2183" y="350"/>
                                    </a:lnTo>
                                    <a:lnTo>
                                      <a:pt x="2177" y="351"/>
                                    </a:lnTo>
                                    <a:lnTo>
                                      <a:pt x="2170" y="352"/>
                                    </a:lnTo>
                                    <a:lnTo>
                                      <a:pt x="2161" y="354"/>
                                    </a:lnTo>
                                    <a:lnTo>
                                      <a:pt x="2154" y="355"/>
                                    </a:lnTo>
                                    <a:lnTo>
                                      <a:pt x="2147" y="357"/>
                                    </a:lnTo>
                                    <a:lnTo>
                                      <a:pt x="2138" y="357"/>
                                    </a:lnTo>
                                    <a:lnTo>
                                      <a:pt x="2129" y="357"/>
                                    </a:lnTo>
                                    <a:lnTo>
                                      <a:pt x="2122" y="357"/>
                                    </a:lnTo>
                                    <a:lnTo>
                                      <a:pt x="2122" y="357"/>
                                    </a:lnTo>
                                    <a:lnTo>
                                      <a:pt x="2118" y="357"/>
                                    </a:lnTo>
                                    <a:lnTo>
                                      <a:pt x="2115" y="357"/>
                                    </a:lnTo>
                                    <a:lnTo>
                                      <a:pt x="2112" y="357"/>
                                    </a:lnTo>
                                    <a:lnTo>
                                      <a:pt x="2109" y="357"/>
                                    </a:lnTo>
                                    <a:lnTo>
                                      <a:pt x="2105" y="357"/>
                                    </a:lnTo>
                                    <a:lnTo>
                                      <a:pt x="2102" y="357"/>
                                    </a:lnTo>
                                    <a:lnTo>
                                      <a:pt x="2099" y="357"/>
                                    </a:lnTo>
                                    <a:lnTo>
                                      <a:pt x="2095" y="357"/>
                                    </a:lnTo>
                                    <a:lnTo>
                                      <a:pt x="2092" y="357"/>
                                    </a:lnTo>
                                    <a:lnTo>
                                      <a:pt x="2087" y="357"/>
                                    </a:lnTo>
                                    <a:lnTo>
                                      <a:pt x="2085" y="355"/>
                                    </a:lnTo>
                                    <a:lnTo>
                                      <a:pt x="2082" y="355"/>
                                    </a:lnTo>
                                    <a:lnTo>
                                      <a:pt x="2077" y="355"/>
                                    </a:lnTo>
                                    <a:lnTo>
                                      <a:pt x="2074" y="355"/>
                                    </a:lnTo>
                                    <a:lnTo>
                                      <a:pt x="2070" y="354"/>
                                    </a:lnTo>
                                    <a:lnTo>
                                      <a:pt x="2067" y="354"/>
                                    </a:lnTo>
                                    <a:lnTo>
                                      <a:pt x="2063" y="354"/>
                                    </a:lnTo>
                                    <a:lnTo>
                                      <a:pt x="2059" y="352"/>
                                    </a:lnTo>
                                    <a:lnTo>
                                      <a:pt x="2056" y="352"/>
                                    </a:lnTo>
                                    <a:lnTo>
                                      <a:pt x="2051" y="352"/>
                                    </a:lnTo>
                                    <a:lnTo>
                                      <a:pt x="2049" y="351"/>
                                    </a:lnTo>
                                    <a:lnTo>
                                      <a:pt x="2044" y="351"/>
                                    </a:lnTo>
                                    <a:lnTo>
                                      <a:pt x="2041" y="350"/>
                                    </a:lnTo>
                                    <a:lnTo>
                                      <a:pt x="2037" y="350"/>
                                    </a:lnTo>
                                    <a:lnTo>
                                      <a:pt x="2033" y="350"/>
                                    </a:lnTo>
                                    <a:lnTo>
                                      <a:pt x="2030" y="348"/>
                                    </a:lnTo>
                                    <a:lnTo>
                                      <a:pt x="2025" y="347"/>
                                    </a:lnTo>
                                    <a:lnTo>
                                      <a:pt x="2023" y="347"/>
                                    </a:lnTo>
                                    <a:lnTo>
                                      <a:pt x="2018" y="345"/>
                                    </a:lnTo>
                                    <a:lnTo>
                                      <a:pt x="2015" y="345"/>
                                    </a:lnTo>
                                    <a:lnTo>
                                      <a:pt x="2011" y="344"/>
                                    </a:lnTo>
                                    <a:lnTo>
                                      <a:pt x="2008" y="342"/>
                                    </a:lnTo>
                                    <a:lnTo>
                                      <a:pt x="2008" y="272"/>
                                    </a:lnTo>
                                    <a:lnTo>
                                      <a:pt x="2008" y="272"/>
                                    </a:lnTo>
                                    <a:lnTo>
                                      <a:pt x="2011" y="274"/>
                                    </a:lnTo>
                                    <a:lnTo>
                                      <a:pt x="2015" y="275"/>
                                    </a:lnTo>
                                    <a:lnTo>
                                      <a:pt x="2018" y="277"/>
                                    </a:lnTo>
                                    <a:lnTo>
                                      <a:pt x="2023" y="278"/>
                                    </a:lnTo>
                                    <a:lnTo>
                                      <a:pt x="2025" y="279"/>
                                    </a:lnTo>
                                    <a:lnTo>
                                      <a:pt x="2030" y="281"/>
                                    </a:lnTo>
                                    <a:lnTo>
                                      <a:pt x="2033" y="281"/>
                                    </a:lnTo>
                                    <a:lnTo>
                                      <a:pt x="2037" y="282"/>
                                    </a:lnTo>
                                    <a:lnTo>
                                      <a:pt x="2040" y="284"/>
                                    </a:lnTo>
                                    <a:lnTo>
                                      <a:pt x="2043" y="284"/>
                                    </a:lnTo>
                                    <a:lnTo>
                                      <a:pt x="2047" y="285"/>
                                    </a:lnTo>
                                    <a:lnTo>
                                      <a:pt x="2050" y="287"/>
                                    </a:lnTo>
                                    <a:lnTo>
                                      <a:pt x="2054" y="287"/>
                                    </a:lnTo>
                                    <a:lnTo>
                                      <a:pt x="2057" y="288"/>
                                    </a:lnTo>
                                    <a:lnTo>
                                      <a:pt x="2061" y="288"/>
                                    </a:lnTo>
                                    <a:lnTo>
                                      <a:pt x="2064" y="289"/>
                                    </a:lnTo>
                                    <a:lnTo>
                                      <a:pt x="2067" y="289"/>
                                    </a:lnTo>
                                    <a:lnTo>
                                      <a:pt x="2072" y="291"/>
                                    </a:lnTo>
                                    <a:lnTo>
                                      <a:pt x="2074" y="291"/>
                                    </a:lnTo>
                                    <a:lnTo>
                                      <a:pt x="2077" y="291"/>
                                    </a:lnTo>
                                    <a:lnTo>
                                      <a:pt x="2082" y="292"/>
                                    </a:lnTo>
                                    <a:lnTo>
                                      <a:pt x="2085" y="292"/>
                                    </a:lnTo>
                                    <a:lnTo>
                                      <a:pt x="2087" y="292"/>
                                    </a:lnTo>
                                    <a:lnTo>
                                      <a:pt x="2090" y="294"/>
                                    </a:lnTo>
                                    <a:lnTo>
                                      <a:pt x="2095" y="294"/>
                                    </a:lnTo>
                                    <a:lnTo>
                                      <a:pt x="2098" y="294"/>
                                    </a:lnTo>
                                    <a:lnTo>
                                      <a:pt x="2100" y="294"/>
                                    </a:lnTo>
                                    <a:lnTo>
                                      <a:pt x="2103" y="294"/>
                                    </a:lnTo>
                                    <a:lnTo>
                                      <a:pt x="2106" y="294"/>
                                    </a:lnTo>
                                    <a:lnTo>
                                      <a:pt x="2109" y="294"/>
                                    </a:lnTo>
                                    <a:lnTo>
                                      <a:pt x="2112" y="294"/>
                                    </a:lnTo>
                                    <a:lnTo>
                                      <a:pt x="2116" y="294"/>
                                    </a:lnTo>
                                    <a:lnTo>
                                      <a:pt x="2116" y="294"/>
                                    </a:lnTo>
                                    <a:lnTo>
                                      <a:pt x="2119" y="294"/>
                                    </a:lnTo>
                                    <a:lnTo>
                                      <a:pt x="2122" y="294"/>
                                    </a:lnTo>
                                    <a:lnTo>
                                      <a:pt x="2125" y="294"/>
                                    </a:lnTo>
                                    <a:lnTo>
                                      <a:pt x="2128" y="294"/>
                                    </a:lnTo>
                                    <a:lnTo>
                                      <a:pt x="2131" y="294"/>
                                    </a:lnTo>
                                    <a:lnTo>
                                      <a:pt x="2134" y="292"/>
                                    </a:lnTo>
                                    <a:lnTo>
                                      <a:pt x="2137" y="292"/>
                                    </a:lnTo>
                                    <a:lnTo>
                                      <a:pt x="2139" y="292"/>
                                    </a:lnTo>
                                    <a:lnTo>
                                      <a:pt x="2141" y="291"/>
                                    </a:lnTo>
                                    <a:lnTo>
                                      <a:pt x="2144" y="291"/>
                                    </a:lnTo>
                                    <a:lnTo>
                                      <a:pt x="2147" y="289"/>
                                    </a:lnTo>
                                    <a:lnTo>
                                      <a:pt x="2148" y="289"/>
                                    </a:lnTo>
                                    <a:lnTo>
                                      <a:pt x="2151" y="288"/>
                                    </a:lnTo>
                                    <a:lnTo>
                                      <a:pt x="2152" y="287"/>
                                    </a:lnTo>
                                    <a:lnTo>
                                      <a:pt x="2155" y="287"/>
                                    </a:lnTo>
                                    <a:lnTo>
                                      <a:pt x="2157" y="285"/>
                                    </a:lnTo>
                                    <a:lnTo>
                                      <a:pt x="2158" y="284"/>
                                    </a:lnTo>
                                    <a:lnTo>
                                      <a:pt x="2160" y="282"/>
                                    </a:lnTo>
                                    <a:lnTo>
                                      <a:pt x="2161" y="282"/>
                                    </a:lnTo>
                                    <a:lnTo>
                                      <a:pt x="2163" y="281"/>
                                    </a:lnTo>
                                    <a:lnTo>
                                      <a:pt x="2164" y="279"/>
                                    </a:lnTo>
                                    <a:lnTo>
                                      <a:pt x="2165" y="278"/>
                                    </a:lnTo>
                                    <a:lnTo>
                                      <a:pt x="2167" y="277"/>
                                    </a:lnTo>
                                    <a:lnTo>
                                      <a:pt x="2168" y="275"/>
                                    </a:lnTo>
                                    <a:lnTo>
                                      <a:pt x="2168" y="274"/>
                                    </a:lnTo>
                                    <a:lnTo>
                                      <a:pt x="2170" y="272"/>
                                    </a:lnTo>
                                    <a:lnTo>
                                      <a:pt x="2170" y="271"/>
                                    </a:lnTo>
                                    <a:lnTo>
                                      <a:pt x="2171" y="269"/>
                                    </a:lnTo>
                                    <a:lnTo>
                                      <a:pt x="2171" y="268"/>
                                    </a:lnTo>
                                    <a:lnTo>
                                      <a:pt x="2171" y="267"/>
                                    </a:lnTo>
                                    <a:lnTo>
                                      <a:pt x="2171" y="265"/>
                                    </a:lnTo>
                                    <a:lnTo>
                                      <a:pt x="2173" y="262"/>
                                    </a:lnTo>
                                    <a:lnTo>
                                      <a:pt x="2173" y="262"/>
                                    </a:lnTo>
                                    <a:lnTo>
                                      <a:pt x="2171" y="262"/>
                                    </a:lnTo>
                                    <a:lnTo>
                                      <a:pt x="2171" y="261"/>
                                    </a:lnTo>
                                    <a:lnTo>
                                      <a:pt x="2171" y="259"/>
                                    </a:lnTo>
                                    <a:lnTo>
                                      <a:pt x="2171" y="258"/>
                                    </a:lnTo>
                                    <a:lnTo>
                                      <a:pt x="2171" y="257"/>
                                    </a:lnTo>
                                    <a:lnTo>
                                      <a:pt x="2171" y="257"/>
                                    </a:lnTo>
                                    <a:lnTo>
                                      <a:pt x="2171" y="255"/>
                                    </a:lnTo>
                                    <a:lnTo>
                                      <a:pt x="2170" y="254"/>
                                    </a:lnTo>
                                    <a:lnTo>
                                      <a:pt x="2170" y="252"/>
                                    </a:lnTo>
                                    <a:lnTo>
                                      <a:pt x="2170" y="252"/>
                                    </a:lnTo>
                                    <a:lnTo>
                                      <a:pt x="2168" y="251"/>
                                    </a:lnTo>
                                    <a:lnTo>
                                      <a:pt x="2168" y="249"/>
                                    </a:lnTo>
                                    <a:lnTo>
                                      <a:pt x="2168" y="249"/>
                                    </a:lnTo>
                                    <a:lnTo>
                                      <a:pt x="2167" y="248"/>
                                    </a:lnTo>
                                    <a:lnTo>
                                      <a:pt x="2167" y="246"/>
                                    </a:lnTo>
                                    <a:lnTo>
                                      <a:pt x="2165" y="245"/>
                                    </a:lnTo>
                                    <a:lnTo>
                                      <a:pt x="2165" y="245"/>
                                    </a:lnTo>
                                    <a:lnTo>
                                      <a:pt x="2164" y="244"/>
                                    </a:lnTo>
                                    <a:lnTo>
                                      <a:pt x="2164" y="244"/>
                                    </a:lnTo>
                                    <a:lnTo>
                                      <a:pt x="2163" y="242"/>
                                    </a:lnTo>
                                    <a:lnTo>
                                      <a:pt x="2161" y="241"/>
                                    </a:lnTo>
                                    <a:lnTo>
                                      <a:pt x="2161" y="241"/>
                                    </a:lnTo>
                                    <a:lnTo>
                                      <a:pt x="2160" y="239"/>
                                    </a:lnTo>
                                    <a:lnTo>
                                      <a:pt x="2158" y="239"/>
                                    </a:lnTo>
                                    <a:lnTo>
                                      <a:pt x="2157" y="238"/>
                                    </a:lnTo>
                                    <a:lnTo>
                                      <a:pt x="2157" y="238"/>
                                    </a:lnTo>
                                    <a:lnTo>
                                      <a:pt x="2155" y="236"/>
                                    </a:lnTo>
                                    <a:lnTo>
                                      <a:pt x="2154" y="235"/>
                                    </a:lnTo>
                                    <a:lnTo>
                                      <a:pt x="2152" y="235"/>
                                    </a:lnTo>
                                    <a:lnTo>
                                      <a:pt x="2151" y="234"/>
                                    </a:lnTo>
                                    <a:lnTo>
                                      <a:pt x="2150" y="234"/>
                                    </a:lnTo>
                                    <a:lnTo>
                                      <a:pt x="2150" y="232"/>
                                    </a:lnTo>
                                    <a:lnTo>
                                      <a:pt x="2079" y="204"/>
                                    </a:lnTo>
                                    <a:lnTo>
                                      <a:pt x="2079" y="204"/>
                                    </a:lnTo>
                                    <a:lnTo>
                                      <a:pt x="2073" y="202"/>
                                    </a:lnTo>
                                    <a:lnTo>
                                      <a:pt x="2069" y="199"/>
                                    </a:lnTo>
                                    <a:lnTo>
                                      <a:pt x="2063" y="198"/>
                                    </a:lnTo>
                                    <a:lnTo>
                                      <a:pt x="2059" y="195"/>
                                    </a:lnTo>
                                    <a:lnTo>
                                      <a:pt x="2054" y="194"/>
                                    </a:lnTo>
                                    <a:lnTo>
                                      <a:pt x="2050" y="191"/>
                                    </a:lnTo>
                                    <a:lnTo>
                                      <a:pt x="2047" y="188"/>
                                    </a:lnTo>
                                    <a:lnTo>
                                      <a:pt x="2043" y="185"/>
                                    </a:lnTo>
                                    <a:lnTo>
                                      <a:pt x="2040" y="182"/>
                                    </a:lnTo>
                                    <a:lnTo>
                                      <a:pt x="2036" y="181"/>
                                    </a:lnTo>
                                    <a:lnTo>
                                      <a:pt x="2033" y="178"/>
                                    </a:lnTo>
                                    <a:lnTo>
                                      <a:pt x="2030" y="175"/>
                                    </a:lnTo>
                                    <a:lnTo>
                                      <a:pt x="2027" y="172"/>
                                    </a:lnTo>
                                    <a:lnTo>
                                      <a:pt x="2024" y="169"/>
                                    </a:lnTo>
                                    <a:lnTo>
                                      <a:pt x="2021" y="166"/>
                                    </a:lnTo>
                                    <a:lnTo>
                                      <a:pt x="2018" y="162"/>
                                    </a:lnTo>
                                    <a:lnTo>
                                      <a:pt x="2017" y="159"/>
                                    </a:lnTo>
                                    <a:lnTo>
                                      <a:pt x="2014" y="156"/>
                                    </a:lnTo>
                                    <a:lnTo>
                                      <a:pt x="2012" y="153"/>
                                    </a:lnTo>
                                    <a:lnTo>
                                      <a:pt x="2011" y="149"/>
                                    </a:lnTo>
                                    <a:lnTo>
                                      <a:pt x="2008" y="146"/>
                                    </a:lnTo>
                                    <a:lnTo>
                                      <a:pt x="2007" y="143"/>
                                    </a:lnTo>
                                    <a:lnTo>
                                      <a:pt x="2005" y="139"/>
                                    </a:lnTo>
                                    <a:lnTo>
                                      <a:pt x="2005" y="136"/>
                                    </a:lnTo>
                                    <a:lnTo>
                                      <a:pt x="2004" y="132"/>
                                    </a:lnTo>
                                    <a:lnTo>
                                      <a:pt x="2002" y="128"/>
                                    </a:lnTo>
                                    <a:lnTo>
                                      <a:pt x="2002" y="125"/>
                                    </a:lnTo>
                                    <a:lnTo>
                                      <a:pt x="2001" y="121"/>
                                    </a:lnTo>
                                    <a:lnTo>
                                      <a:pt x="2001" y="116"/>
                                    </a:lnTo>
                                    <a:lnTo>
                                      <a:pt x="2001" y="112"/>
                                    </a:lnTo>
                                    <a:lnTo>
                                      <a:pt x="2001" y="108"/>
                                    </a:lnTo>
                                    <a:lnTo>
                                      <a:pt x="2001" y="103"/>
                                    </a:lnTo>
                                    <a:lnTo>
                                      <a:pt x="2001" y="103"/>
                                    </a:lnTo>
                                    <a:lnTo>
                                      <a:pt x="2001" y="98"/>
                                    </a:lnTo>
                                    <a:lnTo>
                                      <a:pt x="2001" y="92"/>
                                    </a:lnTo>
                                    <a:lnTo>
                                      <a:pt x="2002" y="86"/>
                                    </a:lnTo>
                                    <a:lnTo>
                                      <a:pt x="2002" y="80"/>
                                    </a:lnTo>
                                    <a:lnTo>
                                      <a:pt x="2004" y="76"/>
                                    </a:lnTo>
                                    <a:lnTo>
                                      <a:pt x="2007" y="70"/>
                                    </a:lnTo>
                                    <a:lnTo>
                                      <a:pt x="2008" y="66"/>
                                    </a:lnTo>
                                    <a:lnTo>
                                      <a:pt x="2011" y="60"/>
                                    </a:lnTo>
                                    <a:lnTo>
                                      <a:pt x="2014" y="56"/>
                                    </a:lnTo>
                                    <a:lnTo>
                                      <a:pt x="2017" y="52"/>
                                    </a:lnTo>
                                    <a:lnTo>
                                      <a:pt x="2020" y="48"/>
                                    </a:lnTo>
                                    <a:lnTo>
                                      <a:pt x="2023" y="43"/>
                                    </a:lnTo>
                                    <a:lnTo>
                                      <a:pt x="2027" y="39"/>
                                    </a:lnTo>
                                    <a:lnTo>
                                      <a:pt x="2031" y="36"/>
                                    </a:lnTo>
                                    <a:lnTo>
                                      <a:pt x="2036" y="32"/>
                                    </a:lnTo>
                                    <a:lnTo>
                                      <a:pt x="2040" y="29"/>
                                    </a:lnTo>
                                    <a:lnTo>
                                      <a:pt x="2044" y="25"/>
                                    </a:lnTo>
                                    <a:lnTo>
                                      <a:pt x="2050" y="22"/>
                                    </a:lnTo>
                                    <a:lnTo>
                                      <a:pt x="2056" y="19"/>
                                    </a:lnTo>
                                    <a:lnTo>
                                      <a:pt x="2060" y="16"/>
                                    </a:lnTo>
                                    <a:lnTo>
                                      <a:pt x="2067" y="15"/>
                                    </a:lnTo>
                                    <a:lnTo>
                                      <a:pt x="2073" y="12"/>
                                    </a:lnTo>
                                    <a:lnTo>
                                      <a:pt x="2079" y="10"/>
                                    </a:lnTo>
                                    <a:lnTo>
                                      <a:pt x="2086" y="7"/>
                                    </a:lnTo>
                                    <a:lnTo>
                                      <a:pt x="2092" y="6"/>
                                    </a:lnTo>
                                    <a:lnTo>
                                      <a:pt x="2099" y="5"/>
                                    </a:lnTo>
                                    <a:lnTo>
                                      <a:pt x="2106" y="3"/>
                                    </a:lnTo>
                                    <a:lnTo>
                                      <a:pt x="2113" y="3"/>
                                    </a:lnTo>
                                    <a:lnTo>
                                      <a:pt x="2121" y="2"/>
                                    </a:lnTo>
                                    <a:lnTo>
                                      <a:pt x="2128" y="2"/>
                                    </a:lnTo>
                                    <a:lnTo>
                                      <a:pt x="2137" y="2"/>
                                    </a:lnTo>
                                    <a:lnTo>
                                      <a:pt x="2145" y="0"/>
                                    </a:lnTo>
                                    <a:lnTo>
                                      <a:pt x="2145" y="0"/>
                                    </a:lnTo>
                                    <a:lnTo>
                                      <a:pt x="2147" y="2"/>
                                    </a:lnTo>
                                    <a:lnTo>
                                      <a:pt x="2150" y="2"/>
                                    </a:lnTo>
                                    <a:lnTo>
                                      <a:pt x="2152" y="2"/>
                                    </a:lnTo>
                                    <a:lnTo>
                                      <a:pt x="2155" y="2"/>
                                    </a:lnTo>
                                    <a:lnTo>
                                      <a:pt x="2158" y="2"/>
                                    </a:lnTo>
                                    <a:lnTo>
                                      <a:pt x="2161" y="2"/>
                                    </a:lnTo>
                                    <a:lnTo>
                                      <a:pt x="2165" y="2"/>
                                    </a:lnTo>
                                    <a:lnTo>
                                      <a:pt x="2168" y="2"/>
                                    </a:lnTo>
                                    <a:lnTo>
                                      <a:pt x="2171" y="3"/>
                                    </a:lnTo>
                                    <a:lnTo>
                                      <a:pt x="2174" y="3"/>
                                    </a:lnTo>
                                    <a:lnTo>
                                      <a:pt x="2177" y="3"/>
                                    </a:lnTo>
                                    <a:lnTo>
                                      <a:pt x="2180" y="3"/>
                                    </a:lnTo>
                                    <a:lnTo>
                                      <a:pt x="2184" y="5"/>
                                    </a:lnTo>
                                    <a:lnTo>
                                      <a:pt x="2187" y="5"/>
                                    </a:lnTo>
                                    <a:lnTo>
                                      <a:pt x="2190" y="5"/>
                                    </a:lnTo>
                                    <a:lnTo>
                                      <a:pt x="2193" y="6"/>
                                    </a:lnTo>
                                    <a:lnTo>
                                      <a:pt x="2197" y="6"/>
                                    </a:lnTo>
                                    <a:lnTo>
                                      <a:pt x="2200" y="6"/>
                                    </a:lnTo>
                                    <a:lnTo>
                                      <a:pt x="2203" y="7"/>
                                    </a:lnTo>
                                    <a:lnTo>
                                      <a:pt x="2206" y="7"/>
                                    </a:lnTo>
                                    <a:lnTo>
                                      <a:pt x="2210" y="9"/>
                                    </a:lnTo>
                                    <a:lnTo>
                                      <a:pt x="2213" y="9"/>
                                    </a:lnTo>
                                    <a:lnTo>
                                      <a:pt x="2216" y="9"/>
                                    </a:lnTo>
                                    <a:lnTo>
                                      <a:pt x="2219" y="10"/>
                                    </a:lnTo>
                                    <a:lnTo>
                                      <a:pt x="2222" y="10"/>
                                    </a:lnTo>
                                    <a:lnTo>
                                      <a:pt x="2226" y="12"/>
                                    </a:lnTo>
                                    <a:lnTo>
                                      <a:pt x="2229" y="12"/>
                                    </a:lnTo>
                                    <a:lnTo>
                                      <a:pt x="2232" y="13"/>
                                    </a:lnTo>
                                    <a:lnTo>
                                      <a:pt x="2235" y="13"/>
                                    </a:lnTo>
                                    <a:lnTo>
                                      <a:pt x="2238" y="15"/>
                                    </a:lnTo>
                                    <a:lnTo>
                                      <a:pt x="2240" y="15"/>
                                    </a:lnTo>
                                    <a:lnTo>
                                      <a:pt x="2245" y="15"/>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2" name="Freeform 15"/>
                            <wps:cNvSpPr>
                              <a:spLocks/>
                            </wps:cNvSpPr>
                            <wps:spPr bwMode="auto">
                              <a:xfrm>
                                <a:off x="2540" y="2540"/>
                                <a:ext cx="171450" cy="226695"/>
                              </a:xfrm>
                              <a:custGeom>
                                <a:avLst/>
                                <a:gdLst>
                                  <a:gd name="T0" fmla="*/ 233 w 270"/>
                                  <a:gd name="T1" fmla="*/ 76 h 357"/>
                                  <a:gd name="T2" fmla="*/ 210 w 270"/>
                                  <a:gd name="T3" fmla="*/ 69 h 357"/>
                                  <a:gd name="T4" fmla="*/ 188 w 270"/>
                                  <a:gd name="T5" fmla="*/ 65 h 357"/>
                                  <a:gd name="T6" fmla="*/ 169 w 270"/>
                                  <a:gd name="T7" fmla="*/ 62 h 357"/>
                                  <a:gd name="T8" fmla="*/ 152 w 270"/>
                                  <a:gd name="T9" fmla="*/ 60 h 357"/>
                                  <a:gd name="T10" fmla="*/ 133 w 270"/>
                                  <a:gd name="T11" fmla="*/ 62 h 357"/>
                                  <a:gd name="T12" fmla="*/ 116 w 270"/>
                                  <a:gd name="T13" fmla="*/ 66 h 357"/>
                                  <a:gd name="T14" fmla="*/ 104 w 270"/>
                                  <a:gd name="T15" fmla="*/ 73 h 357"/>
                                  <a:gd name="T16" fmla="*/ 97 w 270"/>
                                  <a:gd name="T17" fmla="*/ 83 h 357"/>
                                  <a:gd name="T18" fmla="*/ 96 w 270"/>
                                  <a:gd name="T19" fmla="*/ 90 h 357"/>
                                  <a:gd name="T20" fmla="*/ 97 w 270"/>
                                  <a:gd name="T21" fmla="*/ 99 h 357"/>
                                  <a:gd name="T22" fmla="*/ 103 w 270"/>
                                  <a:gd name="T23" fmla="*/ 106 h 357"/>
                                  <a:gd name="T24" fmla="*/ 111 w 270"/>
                                  <a:gd name="T25" fmla="*/ 112 h 357"/>
                                  <a:gd name="T26" fmla="*/ 123 w 270"/>
                                  <a:gd name="T27" fmla="*/ 118 h 357"/>
                                  <a:gd name="T28" fmla="*/ 202 w 270"/>
                                  <a:gd name="T29" fmla="*/ 155 h 357"/>
                                  <a:gd name="T30" fmla="*/ 230 w 270"/>
                                  <a:gd name="T31" fmla="*/ 172 h 357"/>
                                  <a:gd name="T32" fmla="*/ 251 w 270"/>
                                  <a:gd name="T33" fmla="*/ 192 h 357"/>
                                  <a:gd name="T34" fmla="*/ 263 w 270"/>
                                  <a:gd name="T35" fmla="*/ 214 h 357"/>
                                  <a:gd name="T36" fmla="*/ 269 w 270"/>
                                  <a:gd name="T37" fmla="*/ 239 h 357"/>
                                  <a:gd name="T38" fmla="*/ 267 w 270"/>
                                  <a:gd name="T39" fmla="*/ 271 h 357"/>
                                  <a:gd name="T40" fmla="*/ 250 w 270"/>
                                  <a:gd name="T41" fmla="*/ 307 h 357"/>
                                  <a:gd name="T42" fmla="*/ 218 w 270"/>
                                  <a:gd name="T43" fmla="*/ 334 h 357"/>
                                  <a:gd name="T44" fmla="*/ 174 w 270"/>
                                  <a:gd name="T45" fmla="*/ 351 h 357"/>
                                  <a:gd name="T46" fmla="*/ 119 w 270"/>
                                  <a:gd name="T47" fmla="*/ 357 h 357"/>
                                  <a:gd name="T48" fmla="*/ 98 w 270"/>
                                  <a:gd name="T49" fmla="*/ 357 h 357"/>
                                  <a:gd name="T50" fmla="*/ 75 w 270"/>
                                  <a:gd name="T51" fmla="*/ 355 h 357"/>
                                  <a:gd name="T52" fmla="*/ 51 w 270"/>
                                  <a:gd name="T53" fmla="*/ 352 h 357"/>
                                  <a:gd name="T54" fmla="*/ 23 w 270"/>
                                  <a:gd name="T55" fmla="*/ 347 h 357"/>
                                  <a:gd name="T56" fmla="*/ 5 w 270"/>
                                  <a:gd name="T57" fmla="*/ 272 h 357"/>
                                  <a:gd name="T58" fmla="*/ 31 w 270"/>
                                  <a:gd name="T59" fmla="*/ 281 h 357"/>
                                  <a:gd name="T60" fmla="*/ 57 w 270"/>
                                  <a:gd name="T61" fmla="*/ 288 h 357"/>
                                  <a:gd name="T62" fmla="*/ 80 w 270"/>
                                  <a:gd name="T63" fmla="*/ 292 h 357"/>
                                  <a:gd name="T64" fmla="*/ 101 w 270"/>
                                  <a:gd name="T65" fmla="*/ 294 h 357"/>
                                  <a:gd name="T66" fmla="*/ 119 w 270"/>
                                  <a:gd name="T67" fmla="*/ 294 h 357"/>
                                  <a:gd name="T68" fmla="*/ 140 w 270"/>
                                  <a:gd name="T69" fmla="*/ 291 h 357"/>
                                  <a:gd name="T70" fmla="*/ 156 w 270"/>
                                  <a:gd name="T71" fmla="*/ 285 h 357"/>
                                  <a:gd name="T72" fmla="*/ 165 w 270"/>
                                  <a:gd name="T73" fmla="*/ 275 h 357"/>
                                  <a:gd name="T74" fmla="*/ 169 w 270"/>
                                  <a:gd name="T75" fmla="*/ 264 h 357"/>
                                  <a:gd name="T76" fmla="*/ 169 w 270"/>
                                  <a:gd name="T77" fmla="*/ 257 h 357"/>
                                  <a:gd name="T78" fmla="*/ 168 w 270"/>
                                  <a:gd name="T79" fmla="*/ 249 h 357"/>
                                  <a:gd name="T80" fmla="*/ 163 w 270"/>
                                  <a:gd name="T81" fmla="*/ 244 h 357"/>
                                  <a:gd name="T82" fmla="*/ 156 w 270"/>
                                  <a:gd name="T83" fmla="*/ 238 h 357"/>
                                  <a:gd name="T84" fmla="*/ 148 w 270"/>
                                  <a:gd name="T85" fmla="*/ 232 h 357"/>
                                  <a:gd name="T86" fmla="*/ 52 w 270"/>
                                  <a:gd name="T87" fmla="*/ 192 h 357"/>
                                  <a:gd name="T88" fmla="*/ 28 w 270"/>
                                  <a:gd name="T89" fmla="*/ 173 h 357"/>
                                  <a:gd name="T90" fmla="*/ 12 w 270"/>
                                  <a:gd name="T91" fmla="*/ 152 h 357"/>
                                  <a:gd name="T92" fmla="*/ 2 w 270"/>
                                  <a:gd name="T93" fmla="*/ 128 h 357"/>
                                  <a:gd name="T94" fmla="*/ 0 w 270"/>
                                  <a:gd name="T95" fmla="*/ 103 h 357"/>
                                  <a:gd name="T96" fmla="*/ 8 w 270"/>
                                  <a:gd name="T97" fmla="*/ 66 h 357"/>
                                  <a:gd name="T98" fmla="*/ 29 w 270"/>
                                  <a:gd name="T99" fmla="*/ 36 h 357"/>
                                  <a:gd name="T100" fmla="*/ 65 w 270"/>
                                  <a:gd name="T101" fmla="*/ 15 h 357"/>
                                  <a:gd name="T102" fmla="*/ 111 w 270"/>
                                  <a:gd name="T103" fmla="*/ 3 h 357"/>
                                  <a:gd name="T104" fmla="*/ 149 w 270"/>
                                  <a:gd name="T105" fmla="*/ 2 h 357"/>
                                  <a:gd name="T106" fmla="*/ 171 w 270"/>
                                  <a:gd name="T107" fmla="*/ 3 h 357"/>
                                  <a:gd name="T108" fmla="*/ 194 w 270"/>
                                  <a:gd name="T109" fmla="*/ 6 h 357"/>
                                  <a:gd name="T110" fmla="*/ 217 w 270"/>
                                  <a:gd name="T111" fmla="*/ 9 h 357"/>
                                  <a:gd name="T112" fmla="*/ 238 w 270"/>
                                  <a:gd name="T113" fmla="*/ 15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270" h="357">
                                    <a:moveTo>
                                      <a:pt x="246" y="15"/>
                                    </a:moveTo>
                                    <a:lnTo>
                                      <a:pt x="246" y="80"/>
                                    </a:lnTo>
                                    <a:lnTo>
                                      <a:pt x="246" y="80"/>
                                    </a:lnTo>
                                    <a:lnTo>
                                      <a:pt x="241" y="80"/>
                                    </a:lnTo>
                                    <a:lnTo>
                                      <a:pt x="238" y="79"/>
                                    </a:lnTo>
                                    <a:lnTo>
                                      <a:pt x="236" y="78"/>
                                    </a:lnTo>
                                    <a:lnTo>
                                      <a:pt x="233" y="76"/>
                                    </a:lnTo>
                                    <a:lnTo>
                                      <a:pt x="228" y="75"/>
                                    </a:lnTo>
                                    <a:lnTo>
                                      <a:pt x="225" y="73"/>
                                    </a:lnTo>
                                    <a:lnTo>
                                      <a:pt x="223" y="73"/>
                                    </a:lnTo>
                                    <a:lnTo>
                                      <a:pt x="220" y="72"/>
                                    </a:lnTo>
                                    <a:lnTo>
                                      <a:pt x="215" y="70"/>
                                    </a:lnTo>
                                    <a:lnTo>
                                      <a:pt x="213" y="70"/>
                                    </a:lnTo>
                                    <a:lnTo>
                                      <a:pt x="210" y="69"/>
                                    </a:lnTo>
                                    <a:lnTo>
                                      <a:pt x="207" y="69"/>
                                    </a:lnTo>
                                    <a:lnTo>
                                      <a:pt x="204" y="68"/>
                                    </a:lnTo>
                                    <a:lnTo>
                                      <a:pt x="201" y="68"/>
                                    </a:lnTo>
                                    <a:lnTo>
                                      <a:pt x="197" y="66"/>
                                    </a:lnTo>
                                    <a:lnTo>
                                      <a:pt x="194" y="66"/>
                                    </a:lnTo>
                                    <a:lnTo>
                                      <a:pt x="191" y="65"/>
                                    </a:lnTo>
                                    <a:lnTo>
                                      <a:pt x="188" y="65"/>
                                    </a:lnTo>
                                    <a:lnTo>
                                      <a:pt x="185" y="65"/>
                                    </a:lnTo>
                                    <a:lnTo>
                                      <a:pt x="182" y="63"/>
                                    </a:lnTo>
                                    <a:lnTo>
                                      <a:pt x="179" y="63"/>
                                    </a:lnTo>
                                    <a:lnTo>
                                      <a:pt x="176" y="63"/>
                                    </a:lnTo>
                                    <a:lnTo>
                                      <a:pt x="174" y="62"/>
                                    </a:lnTo>
                                    <a:lnTo>
                                      <a:pt x="171" y="62"/>
                                    </a:lnTo>
                                    <a:lnTo>
                                      <a:pt x="169" y="62"/>
                                    </a:lnTo>
                                    <a:lnTo>
                                      <a:pt x="166" y="62"/>
                                    </a:lnTo>
                                    <a:lnTo>
                                      <a:pt x="163" y="62"/>
                                    </a:lnTo>
                                    <a:lnTo>
                                      <a:pt x="161" y="62"/>
                                    </a:lnTo>
                                    <a:lnTo>
                                      <a:pt x="158" y="62"/>
                                    </a:lnTo>
                                    <a:lnTo>
                                      <a:pt x="156" y="62"/>
                                    </a:lnTo>
                                    <a:lnTo>
                                      <a:pt x="153" y="62"/>
                                    </a:lnTo>
                                    <a:lnTo>
                                      <a:pt x="152" y="60"/>
                                    </a:lnTo>
                                    <a:lnTo>
                                      <a:pt x="152" y="60"/>
                                    </a:lnTo>
                                    <a:lnTo>
                                      <a:pt x="148" y="62"/>
                                    </a:lnTo>
                                    <a:lnTo>
                                      <a:pt x="145" y="62"/>
                                    </a:lnTo>
                                    <a:lnTo>
                                      <a:pt x="142" y="62"/>
                                    </a:lnTo>
                                    <a:lnTo>
                                      <a:pt x="139" y="62"/>
                                    </a:lnTo>
                                    <a:lnTo>
                                      <a:pt x="136" y="62"/>
                                    </a:lnTo>
                                    <a:lnTo>
                                      <a:pt x="133" y="62"/>
                                    </a:lnTo>
                                    <a:lnTo>
                                      <a:pt x="130" y="63"/>
                                    </a:lnTo>
                                    <a:lnTo>
                                      <a:pt x="127" y="63"/>
                                    </a:lnTo>
                                    <a:lnTo>
                                      <a:pt x="126" y="63"/>
                                    </a:lnTo>
                                    <a:lnTo>
                                      <a:pt x="123" y="65"/>
                                    </a:lnTo>
                                    <a:lnTo>
                                      <a:pt x="120" y="65"/>
                                    </a:lnTo>
                                    <a:lnTo>
                                      <a:pt x="119" y="66"/>
                                    </a:lnTo>
                                    <a:lnTo>
                                      <a:pt x="116" y="66"/>
                                    </a:lnTo>
                                    <a:lnTo>
                                      <a:pt x="114" y="68"/>
                                    </a:lnTo>
                                    <a:lnTo>
                                      <a:pt x="111" y="69"/>
                                    </a:lnTo>
                                    <a:lnTo>
                                      <a:pt x="110" y="69"/>
                                    </a:lnTo>
                                    <a:lnTo>
                                      <a:pt x="109" y="70"/>
                                    </a:lnTo>
                                    <a:lnTo>
                                      <a:pt x="107" y="72"/>
                                    </a:lnTo>
                                    <a:lnTo>
                                      <a:pt x="106" y="73"/>
                                    </a:lnTo>
                                    <a:lnTo>
                                      <a:pt x="104" y="73"/>
                                    </a:lnTo>
                                    <a:lnTo>
                                      <a:pt x="103" y="75"/>
                                    </a:lnTo>
                                    <a:lnTo>
                                      <a:pt x="101" y="76"/>
                                    </a:lnTo>
                                    <a:lnTo>
                                      <a:pt x="100" y="78"/>
                                    </a:lnTo>
                                    <a:lnTo>
                                      <a:pt x="98" y="79"/>
                                    </a:lnTo>
                                    <a:lnTo>
                                      <a:pt x="98" y="80"/>
                                    </a:lnTo>
                                    <a:lnTo>
                                      <a:pt x="97" y="82"/>
                                    </a:lnTo>
                                    <a:lnTo>
                                      <a:pt x="97" y="83"/>
                                    </a:lnTo>
                                    <a:lnTo>
                                      <a:pt x="96" y="83"/>
                                    </a:lnTo>
                                    <a:lnTo>
                                      <a:pt x="96" y="85"/>
                                    </a:lnTo>
                                    <a:lnTo>
                                      <a:pt x="96" y="86"/>
                                    </a:lnTo>
                                    <a:lnTo>
                                      <a:pt x="96" y="88"/>
                                    </a:lnTo>
                                    <a:lnTo>
                                      <a:pt x="96" y="89"/>
                                    </a:lnTo>
                                    <a:lnTo>
                                      <a:pt x="96" y="89"/>
                                    </a:lnTo>
                                    <a:lnTo>
                                      <a:pt x="96" y="90"/>
                                    </a:lnTo>
                                    <a:lnTo>
                                      <a:pt x="96" y="92"/>
                                    </a:lnTo>
                                    <a:lnTo>
                                      <a:pt x="96" y="93"/>
                                    </a:lnTo>
                                    <a:lnTo>
                                      <a:pt x="96" y="95"/>
                                    </a:lnTo>
                                    <a:lnTo>
                                      <a:pt x="96" y="96"/>
                                    </a:lnTo>
                                    <a:lnTo>
                                      <a:pt x="96" y="98"/>
                                    </a:lnTo>
                                    <a:lnTo>
                                      <a:pt x="97" y="98"/>
                                    </a:lnTo>
                                    <a:lnTo>
                                      <a:pt x="97" y="99"/>
                                    </a:lnTo>
                                    <a:lnTo>
                                      <a:pt x="97" y="100"/>
                                    </a:lnTo>
                                    <a:lnTo>
                                      <a:pt x="98" y="102"/>
                                    </a:lnTo>
                                    <a:lnTo>
                                      <a:pt x="98" y="102"/>
                                    </a:lnTo>
                                    <a:lnTo>
                                      <a:pt x="100" y="103"/>
                                    </a:lnTo>
                                    <a:lnTo>
                                      <a:pt x="100" y="105"/>
                                    </a:lnTo>
                                    <a:lnTo>
                                      <a:pt x="101" y="105"/>
                                    </a:lnTo>
                                    <a:lnTo>
                                      <a:pt x="103" y="106"/>
                                    </a:lnTo>
                                    <a:lnTo>
                                      <a:pt x="104" y="106"/>
                                    </a:lnTo>
                                    <a:lnTo>
                                      <a:pt x="104" y="108"/>
                                    </a:lnTo>
                                    <a:lnTo>
                                      <a:pt x="106" y="109"/>
                                    </a:lnTo>
                                    <a:lnTo>
                                      <a:pt x="107" y="109"/>
                                    </a:lnTo>
                                    <a:lnTo>
                                      <a:pt x="109" y="111"/>
                                    </a:lnTo>
                                    <a:lnTo>
                                      <a:pt x="110" y="111"/>
                                    </a:lnTo>
                                    <a:lnTo>
                                      <a:pt x="111" y="112"/>
                                    </a:lnTo>
                                    <a:lnTo>
                                      <a:pt x="113" y="113"/>
                                    </a:lnTo>
                                    <a:lnTo>
                                      <a:pt x="114" y="113"/>
                                    </a:lnTo>
                                    <a:lnTo>
                                      <a:pt x="116" y="115"/>
                                    </a:lnTo>
                                    <a:lnTo>
                                      <a:pt x="117" y="115"/>
                                    </a:lnTo>
                                    <a:lnTo>
                                      <a:pt x="120" y="116"/>
                                    </a:lnTo>
                                    <a:lnTo>
                                      <a:pt x="122" y="116"/>
                                    </a:lnTo>
                                    <a:lnTo>
                                      <a:pt x="123" y="118"/>
                                    </a:lnTo>
                                    <a:lnTo>
                                      <a:pt x="126" y="118"/>
                                    </a:lnTo>
                                    <a:lnTo>
                                      <a:pt x="127" y="119"/>
                                    </a:lnTo>
                                    <a:lnTo>
                                      <a:pt x="130" y="119"/>
                                    </a:lnTo>
                                    <a:lnTo>
                                      <a:pt x="194" y="149"/>
                                    </a:lnTo>
                                    <a:lnTo>
                                      <a:pt x="194" y="149"/>
                                    </a:lnTo>
                                    <a:lnTo>
                                      <a:pt x="198" y="152"/>
                                    </a:lnTo>
                                    <a:lnTo>
                                      <a:pt x="202" y="155"/>
                                    </a:lnTo>
                                    <a:lnTo>
                                      <a:pt x="207" y="156"/>
                                    </a:lnTo>
                                    <a:lnTo>
                                      <a:pt x="211" y="159"/>
                                    </a:lnTo>
                                    <a:lnTo>
                                      <a:pt x="215" y="162"/>
                                    </a:lnTo>
                                    <a:lnTo>
                                      <a:pt x="220" y="165"/>
                                    </a:lnTo>
                                    <a:lnTo>
                                      <a:pt x="223" y="166"/>
                                    </a:lnTo>
                                    <a:lnTo>
                                      <a:pt x="227" y="169"/>
                                    </a:lnTo>
                                    <a:lnTo>
                                      <a:pt x="230" y="172"/>
                                    </a:lnTo>
                                    <a:lnTo>
                                      <a:pt x="234" y="175"/>
                                    </a:lnTo>
                                    <a:lnTo>
                                      <a:pt x="237" y="178"/>
                                    </a:lnTo>
                                    <a:lnTo>
                                      <a:pt x="240" y="181"/>
                                    </a:lnTo>
                                    <a:lnTo>
                                      <a:pt x="243" y="184"/>
                                    </a:lnTo>
                                    <a:lnTo>
                                      <a:pt x="246" y="186"/>
                                    </a:lnTo>
                                    <a:lnTo>
                                      <a:pt x="249" y="189"/>
                                    </a:lnTo>
                                    <a:lnTo>
                                      <a:pt x="251" y="192"/>
                                    </a:lnTo>
                                    <a:lnTo>
                                      <a:pt x="253" y="195"/>
                                    </a:lnTo>
                                    <a:lnTo>
                                      <a:pt x="256" y="198"/>
                                    </a:lnTo>
                                    <a:lnTo>
                                      <a:pt x="257" y="201"/>
                                    </a:lnTo>
                                    <a:lnTo>
                                      <a:pt x="259" y="204"/>
                                    </a:lnTo>
                                    <a:lnTo>
                                      <a:pt x="260" y="208"/>
                                    </a:lnTo>
                                    <a:lnTo>
                                      <a:pt x="262" y="211"/>
                                    </a:lnTo>
                                    <a:lnTo>
                                      <a:pt x="263" y="214"/>
                                    </a:lnTo>
                                    <a:lnTo>
                                      <a:pt x="264" y="218"/>
                                    </a:lnTo>
                                    <a:lnTo>
                                      <a:pt x="266" y="221"/>
                                    </a:lnTo>
                                    <a:lnTo>
                                      <a:pt x="267" y="225"/>
                                    </a:lnTo>
                                    <a:lnTo>
                                      <a:pt x="267" y="228"/>
                                    </a:lnTo>
                                    <a:lnTo>
                                      <a:pt x="269" y="232"/>
                                    </a:lnTo>
                                    <a:lnTo>
                                      <a:pt x="269" y="235"/>
                                    </a:lnTo>
                                    <a:lnTo>
                                      <a:pt x="269" y="239"/>
                                    </a:lnTo>
                                    <a:lnTo>
                                      <a:pt x="269" y="244"/>
                                    </a:lnTo>
                                    <a:lnTo>
                                      <a:pt x="270" y="246"/>
                                    </a:lnTo>
                                    <a:lnTo>
                                      <a:pt x="270" y="246"/>
                                    </a:lnTo>
                                    <a:lnTo>
                                      <a:pt x="269" y="254"/>
                                    </a:lnTo>
                                    <a:lnTo>
                                      <a:pt x="269" y="259"/>
                                    </a:lnTo>
                                    <a:lnTo>
                                      <a:pt x="267" y="265"/>
                                    </a:lnTo>
                                    <a:lnTo>
                                      <a:pt x="267" y="271"/>
                                    </a:lnTo>
                                    <a:lnTo>
                                      <a:pt x="266" y="277"/>
                                    </a:lnTo>
                                    <a:lnTo>
                                      <a:pt x="263" y="282"/>
                                    </a:lnTo>
                                    <a:lnTo>
                                      <a:pt x="262" y="287"/>
                                    </a:lnTo>
                                    <a:lnTo>
                                      <a:pt x="259" y="292"/>
                                    </a:lnTo>
                                    <a:lnTo>
                                      <a:pt x="256" y="297"/>
                                    </a:lnTo>
                                    <a:lnTo>
                                      <a:pt x="253" y="302"/>
                                    </a:lnTo>
                                    <a:lnTo>
                                      <a:pt x="250" y="307"/>
                                    </a:lnTo>
                                    <a:lnTo>
                                      <a:pt x="246" y="311"/>
                                    </a:lnTo>
                                    <a:lnTo>
                                      <a:pt x="241" y="315"/>
                                    </a:lnTo>
                                    <a:lnTo>
                                      <a:pt x="237" y="319"/>
                                    </a:lnTo>
                                    <a:lnTo>
                                      <a:pt x="233" y="324"/>
                                    </a:lnTo>
                                    <a:lnTo>
                                      <a:pt x="228" y="327"/>
                                    </a:lnTo>
                                    <a:lnTo>
                                      <a:pt x="223" y="331"/>
                                    </a:lnTo>
                                    <a:lnTo>
                                      <a:pt x="218" y="334"/>
                                    </a:lnTo>
                                    <a:lnTo>
                                      <a:pt x="213" y="337"/>
                                    </a:lnTo>
                                    <a:lnTo>
                                      <a:pt x="207" y="340"/>
                                    </a:lnTo>
                                    <a:lnTo>
                                      <a:pt x="201" y="342"/>
                                    </a:lnTo>
                                    <a:lnTo>
                                      <a:pt x="194" y="345"/>
                                    </a:lnTo>
                                    <a:lnTo>
                                      <a:pt x="188" y="347"/>
                                    </a:lnTo>
                                    <a:lnTo>
                                      <a:pt x="181" y="350"/>
                                    </a:lnTo>
                                    <a:lnTo>
                                      <a:pt x="174" y="351"/>
                                    </a:lnTo>
                                    <a:lnTo>
                                      <a:pt x="166" y="352"/>
                                    </a:lnTo>
                                    <a:lnTo>
                                      <a:pt x="159" y="354"/>
                                    </a:lnTo>
                                    <a:lnTo>
                                      <a:pt x="150" y="355"/>
                                    </a:lnTo>
                                    <a:lnTo>
                                      <a:pt x="143" y="357"/>
                                    </a:lnTo>
                                    <a:lnTo>
                                      <a:pt x="135" y="357"/>
                                    </a:lnTo>
                                    <a:lnTo>
                                      <a:pt x="126" y="357"/>
                                    </a:lnTo>
                                    <a:lnTo>
                                      <a:pt x="119" y="357"/>
                                    </a:lnTo>
                                    <a:lnTo>
                                      <a:pt x="119" y="357"/>
                                    </a:lnTo>
                                    <a:lnTo>
                                      <a:pt x="114" y="357"/>
                                    </a:lnTo>
                                    <a:lnTo>
                                      <a:pt x="111" y="357"/>
                                    </a:lnTo>
                                    <a:lnTo>
                                      <a:pt x="109" y="357"/>
                                    </a:lnTo>
                                    <a:lnTo>
                                      <a:pt x="106" y="357"/>
                                    </a:lnTo>
                                    <a:lnTo>
                                      <a:pt x="101" y="357"/>
                                    </a:lnTo>
                                    <a:lnTo>
                                      <a:pt x="98" y="357"/>
                                    </a:lnTo>
                                    <a:lnTo>
                                      <a:pt x="96" y="357"/>
                                    </a:lnTo>
                                    <a:lnTo>
                                      <a:pt x="93" y="357"/>
                                    </a:lnTo>
                                    <a:lnTo>
                                      <a:pt x="88" y="357"/>
                                    </a:lnTo>
                                    <a:lnTo>
                                      <a:pt x="85" y="357"/>
                                    </a:lnTo>
                                    <a:lnTo>
                                      <a:pt x="83" y="355"/>
                                    </a:lnTo>
                                    <a:lnTo>
                                      <a:pt x="78" y="355"/>
                                    </a:lnTo>
                                    <a:lnTo>
                                      <a:pt x="75" y="355"/>
                                    </a:lnTo>
                                    <a:lnTo>
                                      <a:pt x="72" y="355"/>
                                    </a:lnTo>
                                    <a:lnTo>
                                      <a:pt x="68" y="354"/>
                                    </a:lnTo>
                                    <a:lnTo>
                                      <a:pt x="65" y="354"/>
                                    </a:lnTo>
                                    <a:lnTo>
                                      <a:pt x="61" y="354"/>
                                    </a:lnTo>
                                    <a:lnTo>
                                      <a:pt x="58" y="352"/>
                                    </a:lnTo>
                                    <a:lnTo>
                                      <a:pt x="54" y="352"/>
                                    </a:lnTo>
                                    <a:lnTo>
                                      <a:pt x="51" y="352"/>
                                    </a:lnTo>
                                    <a:lnTo>
                                      <a:pt x="47" y="351"/>
                                    </a:lnTo>
                                    <a:lnTo>
                                      <a:pt x="42" y="351"/>
                                    </a:lnTo>
                                    <a:lnTo>
                                      <a:pt x="39" y="350"/>
                                    </a:lnTo>
                                    <a:lnTo>
                                      <a:pt x="35" y="350"/>
                                    </a:lnTo>
                                    <a:lnTo>
                                      <a:pt x="32" y="350"/>
                                    </a:lnTo>
                                    <a:lnTo>
                                      <a:pt x="28" y="348"/>
                                    </a:lnTo>
                                    <a:lnTo>
                                      <a:pt x="23" y="347"/>
                                    </a:lnTo>
                                    <a:lnTo>
                                      <a:pt x="21" y="347"/>
                                    </a:lnTo>
                                    <a:lnTo>
                                      <a:pt x="16" y="345"/>
                                    </a:lnTo>
                                    <a:lnTo>
                                      <a:pt x="12" y="345"/>
                                    </a:lnTo>
                                    <a:lnTo>
                                      <a:pt x="8" y="344"/>
                                    </a:lnTo>
                                    <a:lnTo>
                                      <a:pt x="5" y="342"/>
                                    </a:lnTo>
                                    <a:lnTo>
                                      <a:pt x="5" y="272"/>
                                    </a:lnTo>
                                    <a:lnTo>
                                      <a:pt x="5" y="272"/>
                                    </a:lnTo>
                                    <a:lnTo>
                                      <a:pt x="8" y="274"/>
                                    </a:lnTo>
                                    <a:lnTo>
                                      <a:pt x="12" y="275"/>
                                    </a:lnTo>
                                    <a:lnTo>
                                      <a:pt x="16" y="277"/>
                                    </a:lnTo>
                                    <a:lnTo>
                                      <a:pt x="21" y="278"/>
                                    </a:lnTo>
                                    <a:lnTo>
                                      <a:pt x="23" y="279"/>
                                    </a:lnTo>
                                    <a:lnTo>
                                      <a:pt x="28" y="281"/>
                                    </a:lnTo>
                                    <a:lnTo>
                                      <a:pt x="31" y="281"/>
                                    </a:lnTo>
                                    <a:lnTo>
                                      <a:pt x="35" y="282"/>
                                    </a:lnTo>
                                    <a:lnTo>
                                      <a:pt x="39" y="284"/>
                                    </a:lnTo>
                                    <a:lnTo>
                                      <a:pt x="42" y="284"/>
                                    </a:lnTo>
                                    <a:lnTo>
                                      <a:pt x="47" y="285"/>
                                    </a:lnTo>
                                    <a:lnTo>
                                      <a:pt x="49" y="287"/>
                                    </a:lnTo>
                                    <a:lnTo>
                                      <a:pt x="54" y="287"/>
                                    </a:lnTo>
                                    <a:lnTo>
                                      <a:pt x="57" y="288"/>
                                    </a:lnTo>
                                    <a:lnTo>
                                      <a:pt x="60" y="288"/>
                                    </a:lnTo>
                                    <a:lnTo>
                                      <a:pt x="64" y="289"/>
                                    </a:lnTo>
                                    <a:lnTo>
                                      <a:pt x="67" y="289"/>
                                    </a:lnTo>
                                    <a:lnTo>
                                      <a:pt x="70" y="291"/>
                                    </a:lnTo>
                                    <a:lnTo>
                                      <a:pt x="74" y="291"/>
                                    </a:lnTo>
                                    <a:lnTo>
                                      <a:pt x="77" y="291"/>
                                    </a:lnTo>
                                    <a:lnTo>
                                      <a:pt x="80" y="292"/>
                                    </a:lnTo>
                                    <a:lnTo>
                                      <a:pt x="83" y="292"/>
                                    </a:lnTo>
                                    <a:lnTo>
                                      <a:pt x="85" y="292"/>
                                    </a:lnTo>
                                    <a:lnTo>
                                      <a:pt x="90" y="294"/>
                                    </a:lnTo>
                                    <a:lnTo>
                                      <a:pt x="93" y="294"/>
                                    </a:lnTo>
                                    <a:lnTo>
                                      <a:pt x="96" y="294"/>
                                    </a:lnTo>
                                    <a:lnTo>
                                      <a:pt x="98" y="294"/>
                                    </a:lnTo>
                                    <a:lnTo>
                                      <a:pt x="101" y="294"/>
                                    </a:lnTo>
                                    <a:lnTo>
                                      <a:pt x="104" y="294"/>
                                    </a:lnTo>
                                    <a:lnTo>
                                      <a:pt x="107" y="294"/>
                                    </a:lnTo>
                                    <a:lnTo>
                                      <a:pt x="110" y="294"/>
                                    </a:lnTo>
                                    <a:lnTo>
                                      <a:pt x="113" y="294"/>
                                    </a:lnTo>
                                    <a:lnTo>
                                      <a:pt x="113" y="294"/>
                                    </a:lnTo>
                                    <a:lnTo>
                                      <a:pt x="116" y="294"/>
                                    </a:lnTo>
                                    <a:lnTo>
                                      <a:pt x="119" y="294"/>
                                    </a:lnTo>
                                    <a:lnTo>
                                      <a:pt x="123" y="294"/>
                                    </a:lnTo>
                                    <a:lnTo>
                                      <a:pt x="126" y="294"/>
                                    </a:lnTo>
                                    <a:lnTo>
                                      <a:pt x="129" y="294"/>
                                    </a:lnTo>
                                    <a:lnTo>
                                      <a:pt x="132" y="292"/>
                                    </a:lnTo>
                                    <a:lnTo>
                                      <a:pt x="135" y="292"/>
                                    </a:lnTo>
                                    <a:lnTo>
                                      <a:pt x="137" y="292"/>
                                    </a:lnTo>
                                    <a:lnTo>
                                      <a:pt x="140" y="291"/>
                                    </a:lnTo>
                                    <a:lnTo>
                                      <a:pt x="143" y="291"/>
                                    </a:lnTo>
                                    <a:lnTo>
                                      <a:pt x="145" y="289"/>
                                    </a:lnTo>
                                    <a:lnTo>
                                      <a:pt x="148" y="289"/>
                                    </a:lnTo>
                                    <a:lnTo>
                                      <a:pt x="150" y="288"/>
                                    </a:lnTo>
                                    <a:lnTo>
                                      <a:pt x="152" y="287"/>
                                    </a:lnTo>
                                    <a:lnTo>
                                      <a:pt x="153" y="287"/>
                                    </a:lnTo>
                                    <a:lnTo>
                                      <a:pt x="156" y="285"/>
                                    </a:lnTo>
                                    <a:lnTo>
                                      <a:pt x="158" y="284"/>
                                    </a:lnTo>
                                    <a:lnTo>
                                      <a:pt x="159" y="282"/>
                                    </a:lnTo>
                                    <a:lnTo>
                                      <a:pt x="161" y="281"/>
                                    </a:lnTo>
                                    <a:lnTo>
                                      <a:pt x="162" y="279"/>
                                    </a:lnTo>
                                    <a:lnTo>
                                      <a:pt x="163" y="278"/>
                                    </a:lnTo>
                                    <a:lnTo>
                                      <a:pt x="165" y="277"/>
                                    </a:lnTo>
                                    <a:lnTo>
                                      <a:pt x="165" y="275"/>
                                    </a:lnTo>
                                    <a:lnTo>
                                      <a:pt x="166" y="274"/>
                                    </a:lnTo>
                                    <a:lnTo>
                                      <a:pt x="168" y="272"/>
                                    </a:lnTo>
                                    <a:lnTo>
                                      <a:pt x="168" y="271"/>
                                    </a:lnTo>
                                    <a:lnTo>
                                      <a:pt x="169" y="269"/>
                                    </a:lnTo>
                                    <a:lnTo>
                                      <a:pt x="169" y="268"/>
                                    </a:lnTo>
                                    <a:lnTo>
                                      <a:pt x="169" y="265"/>
                                    </a:lnTo>
                                    <a:lnTo>
                                      <a:pt x="169" y="264"/>
                                    </a:lnTo>
                                    <a:lnTo>
                                      <a:pt x="169" y="262"/>
                                    </a:lnTo>
                                    <a:lnTo>
                                      <a:pt x="171" y="259"/>
                                    </a:lnTo>
                                    <a:lnTo>
                                      <a:pt x="171" y="259"/>
                                    </a:lnTo>
                                    <a:lnTo>
                                      <a:pt x="169" y="259"/>
                                    </a:lnTo>
                                    <a:lnTo>
                                      <a:pt x="169" y="258"/>
                                    </a:lnTo>
                                    <a:lnTo>
                                      <a:pt x="169" y="258"/>
                                    </a:lnTo>
                                    <a:lnTo>
                                      <a:pt x="169" y="257"/>
                                    </a:lnTo>
                                    <a:lnTo>
                                      <a:pt x="169" y="255"/>
                                    </a:lnTo>
                                    <a:lnTo>
                                      <a:pt x="169" y="255"/>
                                    </a:lnTo>
                                    <a:lnTo>
                                      <a:pt x="169" y="254"/>
                                    </a:lnTo>
                                    <a:lnTo>
                                      <a:pt x="169" y="252"/>
                                    </a:lnTo>
                                    <a:lnTo>
                                      <a:pt x="168" y="252"/>
                                    </a:lnTo>
                                    <a:lnTo>
                                      <a:pt x="168" y="251"/>
                                    </a:lnTo>
                                    <a:lnTo>
                                      <a:pt x="168" y="249"/>
                                    </a:lnTo>
                                    <a:lnTo>
                                      <a:pt x="168" y="249"/>
                                    </a:lnTo>
                                    <a:lnTo>
                                      <a:pt x="166" y="248"/>
                                    </a:lnTo>
                                    <a:lnTo>
                                      <a:pt x="166" y="246"/>
                                    </a:lnTo>
                                    <a:lnTo>
                                      <a:pt x="165" y="246"/>
                                    </a:lnTo>
                                    <a:lnTo>
                                      <a:pt x="165" y="245"/>
                                    </a:lnTo>
                                    <a:lnTo>
                                      <a:pt x="165" y="245"/>
                                    </a:lnTo>
                                    <a:lnTo>
                                      <a:pt x="163" y="244"/>
                                    </a:lnTo>
                                    <a:lnTo>
                                      <a:pt x="162" y="242"/>
                                    </a:lnTo>
                                    <a:lnTo>
                                      <a:pt x="162" y="242"/>
                                    </a:lnTo>
                                    <a:lnTo>
                                      <a:pt x="161" y="241"/>
                                    </a:lnTo>
                                    <a:lnTo>
                                      <a:pt x="161" y="241"/>
                                    </a:lnTo>
                                    <a:lnTo>
                                      <a:pt x="159" y="239"/>
                                    </a:lnTo>
                                    <a:lnTo>
                                      <a:pt x="158" y="239"/>
                                    </a:lnTo>
                                    <a:lnTo>
                                      <a:pt x="156" y="238"/>
                                    </a:lnTo>
                                    <a:lnTo>
                                      <a:pt x="155" y="238"/>
                                    </a:lnTo>
                                    <a:lnTo>
                                      <a:pt x="155" y="236"/>
                                    </a:lnTo>
                                    <a:lnTo>
                                      <a:pt x="153" y="235"/>
                                    </a:lnTo>
                                    <a:lnTo>
                                      <a:pt x="152" y="235"/>
                                    </a:lnTo>
                                    <a:lnTo>
                                      <a:pt x="150" y="234"/>
                                    </a:lnTo>
                                    <a:lnTo>
                                      <a:pt x="149" y="234"/>
                                    </a:lnTo>
                                    <a:lnTo>
                                      <a:pt x="148" y="232"/>
                                    </a:lnTo>
                                    <a:lnTo>
                                      <a:pt x="75" y="204"/>
                                    </a:lnTo>
                                    <a:lnTo>
                                      <a:pt x="75" y="204"/>
                                    </a:lnTo>
                                    <a:lnTo>
                                      <a:pt x="70" y="202"/>
                                    </a:lnTo>
                                    <a:lnTo>
                                      <a:pt x="65" y="199"/>
                                    </a:lnTo>
                                    <a:lnTo>
                                      <a:pt x="61" y="198"/>
                                    </a:lnTo>
                                    <a:lnTo>
                                      <a:pt x="57" y="195"/>
                                    </a:lnTo>
                                    <a:lnTo>
                                      <a:pt x="52" y="192"/>
                                    </a:lnTo>
                                    <a:lnTo>
                                      <a:pt x="48" y="191"/>
                                    </a:lnTo>
                                    <a:lnTo>
                                      <a:pt x="45" y="188"/>
                                    </a:lnTo>
                                    <a:lnTo>
                                      <a:pt x="41" y="185"/>
                                    </a:lnTo>
                                    <a:lnTo>
                                      <a:pt x="38" y="182"/>
                                    </a:lnTo>
                                    <a:lnTo>
                                      <a:pt x="34" y="179"/>
                                    </a:lnTo>
                                    <a:lnTo>
                                      <a:pt x="31" y="176"/>
                                    </a:lnTo>
                                    <a:lnTo>
                                      <a:pt x="28" y="173"/>
                                    </a:lnTo>
                                    <a:lnTo>
                                      <a:pt x="25" y="171"/>
                                    </a:lnTo>
                                    <a:lnTo>
                                      <a:pt x="22" y="168"/>
                                    </a:lnTo>
                                    <a:lnTo>
                                      <a:pt x="21" y="165"/>
                                    </a:lnTo>
                                    <a:lnTo>
                                      <a:pt x="18" y="162"/>
                                    </a:lnTo>
                                    <a:lnTo>
                                      <a:pt x="15" y="159"/>
                                    </a:lnTo>
                                    <a:lnTo>
                                      <a:pt x="13" y="155"/>
                                    </a:lnTo>
                                    <a:lnTo>
                                      <a:pt x="12" y="152"/>
                                    </a:lnTo>
                                    <a:lnTo>
                                      <a:pt x="9" y="149"/>
                                    </a:lnTo>
                                    <a:lnTo>
                                      <a:pt x="8" y="145"/>
                                    </a:lnTo>
                                    <a:lnTo>
                                      <a:pt x="6" y="142"/>
                                    </a:lnTo>
                                    <a:lnTo>
                                      <a:pt x="5" y="138"/>
                                    </a:lnTo>
                                    <a:lnTo>
                                      <a:pt x="5" y="135"/>
                                    </a:lnTo>
                                    <a:lnTo>
                                      <a:pt x="3" y="131"/>
                                    </a:lnTo>
                                    <a:lnTo>
                                      <a:pt x="2" y="128"/>
                                    </a:lnTo>
                                    <a:lnTo>
                                      <a:pt x="2" y="123"/>
                                    </a:lnTo>
                                    <a:lnTo>
                                      <a:pt x="0" y="119"/>
                                    </a:lnTo>
                                    <a:lnTo>
                                      <a:pt x="0" y="116"/>
                                    </a:lnTo>
                                    <a:lnTo>
                                      <a:pt x="0" y="112"/>
                                    </a:lnTo>
                                    <a:lnTo>
                                      <a:pt x="0" y="108"/>
                                    </a:lnTo>
                                    <a:lnTo>
                                      <a:pt x="0" y="103"/>
                                    </a:lnTo>
                                    <a:lnTo>
                                      <a:pt x="0" y="103"/>
                                    </a:lnTo>
                                    <a:lnTo>
                                      <a:pt x="0" y="98"/>
                                    </a:lnTo>
                                    <a:lnTo>
                                      <a:pt x="0" y="92"/>
                                    </a:lnTo>
                                    <a:lnTo>
                                      <a:pt x="2" y="86"/>
                                    </a:lnTo>
                                    <a:lnTo>
                                      <a:pt x="2" y="80"/>
                                    </a:lnTo>
                                    <a:lnTo>
                                      <a:pt x="3" y="76"/>
                                    </a:lnTo>
                                    <a:lnTo>
                                      <a:pt x="5" y="70"/>
                                    </a:lnTo>
                                    <a:lnTo>
                                      <a:pt x="8" y="66"/>
                                    </a:lnTo>
                                    <a:lnTo>
                                      <a:pt x="10" y="60"/>
                                    </a:lnTo>
                                    <a:lnTo>
                                      <a:pt x="12" y="56"/>
                                    </a:lnTo>
                                    <a:lnTo>
                                      <a:pt x="15" y="52"/>
                                    </a:lnTo>
                                    <a:lnTo>
                                      <a:pt x="19" y="48"/>
                                    </a:lnTo>
                                    <a:lnTo>
                                      <a:pt x="22" y="43"/>
                                    </a:lnTo>
                                    <a:lnTo>
                                      <a:pt x="26" y="39"/>
                                    </a:lnTo>
                                    <a:lnTo>
                                      <a:pt x="29" y="36"/>
                                    </a:lnTo>
                                    <a:lnTo>
                                      <a:pt x="34" y="32"/>
                                    </a:lnTo>
                                    <a:lnTo>
                                      <a:pt x="39" y="29"/>
                                    </a:lnTo>
                                    <a:lnTo>
                                      <a:pt x="44" y="25"/>
                                    </a:lnTo>
                                    <a:lnTo>
                                      <a:pt x="48" y="22"/>
                                    </a:lnTo>
                                    <a:lnTo>
                                      <a:pt x="54" y="19"/>
                                    </a:lnTo>
                                    <a:lnTo>
                                      <a:pt x="60" y="16"/>
                                    </a:lnTo>
                                    <a:lnTo>
                                      <a:pt x="65" y="15"/>
                                    </a:lnTo>
                                    <a:lnTo>
                                      <a:pt x="71" y="12"/>
                                    </a:lnTo>
                                    <a:lnTo>
                                      <a:pt x="77" y="10"/>
                                    </a:lnTo>
                                    <a:lnTo>
                                      <a:pt x="84" y="7"/>
                                    </a:lnTo>
                                    <a:lnTo>
                                      <a:pt x="90" y="6"/>
                                    </a:lnTo>
                                    <a:lnTo>
                                      <a:pt x="97" y="5"/>
                                    </a:lnTo>
                                    <a:lnTo>
                                      <a:pt x="104" y="3"/>
                                    </a:lnTo>
                                    <a:lnTo>
                                      <a:pt x="111" y="3"/>
                                    </a:lnTo>
                                    <a:lnTo>
                                      <a:pt x="119" y="2"/>
                                    </a:lnTo>
                                    <a:lnTo>
                                      <a:pt x="127" y="2"/>
                                    </a:lnTo>
                                    <a:lnTo>
                                      <a:pt x="135" y="2"/>
                                    </a:lnTo>
                                    <a:lnTo>
                                      <a:pt x="143" y="0"/>
                                    </a:lnTo>
                                    <a:lnTo>
                                      <a:pt x="143" y="0"/>
                                    </a:lnTo>
                                    <a:lnTo>
                                      <a:pt x="146" y="2"/>
                                    </a:lnTo>
                                    <a:lnTo>
                                      <a:pt x="149" y="2"/>
                                    </a:lnTo>
                                    <a:lnTo>
                                      <a:pt x="152" y="2"/>
                                    </a:lnTo>
                                    <a:lnTo>
                                      <a:pt x="155" y="2"/>
                                    </a:lnTo>
                                    <a:lnTo>
                                      <a:pt x="158" y="2"/>
                                    </a:lnTo>
                                    <a:lnTo>
                                      <a:pt x="161" y="2"/>
                                    </a:lnTo>
                                    <a:lnTo>
                                      <a:pt x="165" y="2"/>
                                    </a:lnTo>
                                    <a:lnTo>
                                      <a:pt x="168" y="2"/>
                                    </a:lnTo>
                                    <a:lnTo>
                                      <a:pt x="171" y="3"/>
                                    </a:lnTo>
                                    <a:lnTo>
                                      <a:pt x="174" y="3"/>
                                    </a:lnTo>
                                    <a:lnTo>
                                      <a:pt x="178" y="3"/>
                                    </a:lnTo>
                                    <a:lnTo>
                                      <a:pt x="181" y="3"/>
                                    </a:lnTo>
                                    <a:lnTo>
                                      <a:pt x="184" y="5"/>
                                    </a:lnTo>
                                    <a:lnTo>
                                      <a:pt x="187" y="5"/>
                                    </a:lnTo>
                                    <a:lnTo>
                                      <a:pt x="191" y="5"/>
                                    </a:lnTo>
                                    <a:lnTo>
                                      <a:pt x="194" y="6"/>
                                    </a:lnTo>
                                    <a:lnTo>
                                      <a:pt x="197" y="6"/>
                                    </a:lnTo>
                                    <a:lnTo>
                                      <a:pt x="201" y="6"/>
                                    </a:lnTo>
                                    <a:lnTo>
                                      <a:pt x="204" y="7"/>
                                    </a:lnTo>
                                    <a:lnTo>
                                      <a:pt x="207" y="7"/>
                                    </a:lnTo>
                                    <a:lnTo>
                                      <a:pt x="210" y="9"/>
                                    </a:lnTo>
                                    <a:lnTo>
                                      <a:pt x="214" y="9"/>
                                    </a:lnTo>
                                    <a:lnTo>
                                      <a:pt x="217" y="9"/>
                                    </a:lnTo>
                                    <a:lnTo>
                                      <a:pt x="220" y="10"/>
                                    </a:lnTo>
                                    <a:lnTo>
                                      <a:pt x="223" y="10"/>
                                    </a:lnTo>
                                    <a:lnTo>
                                      <a:pt x="227" y="12"/>
                                    </a:lnTo>
                                    <a:lnTo>
                                      <a:pt x="230" y="12"/>
                                    </a:lnTo>
                                    <a:lnTo>
                                      <a:pt x="233" y="13"/>
                                    </a:lnTo>
                                    <a:lnTo>
                                      <a:pt x="236" y="13"/>
                                    </a:lnTo>
                                    <a:lnTo>
                                      <a:pt x="238" y="15"/>
                                    </a:lnTo>
                                    <a:lnTo>
                                      <a:pt x="241" y="15"/>
                                    </a:lnTo>
                                    <a:lnTo>
                                      <a:pt x="246" y="15"/>
                                    </a:lnTo>
                                  </a:path>
                                </a:pathLst>
                              </a:custGeom>
                              <a:noFill/>
                              <a:ln w="0">
                                <a:solidFill>
                                  <a:srgbClr val="000000"/>
                                </a:solidFill>
                                <a:prstDash val="solid"/>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 name="Rectangle 16"/>
                            <wps:cNvSpPr>
                              <a:spLocks noChangeArrowheads="1"/>
                            </wps:cNvSpPr>
                            <wps:spPr bwMode="auto">
                              <a:xfrm>
                                <a:off x="204470" y="6985"/>
                                <a:ext cx="66040" cy="217805"/>
                              </a:xfrm>
                              <a:prstGeom prst="rect">
                                <a:avLst/>
                              </a:prstGeom>
                              <a:noFill/>
                              <a:ln w="0">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 name="Freeform 17"/>
                            <wps:cNvSpPr>
                              <a:spLocks/>
                            </wps:cNvSpPr>
                            <wps:spPr bwMode="auto">
                              <a:xfrm>
                                <a:off x="321945" y="6985"/>
                                <a:ext cx="164465" cy="217805"/>
                              </a:xfrm>
                              <a:custGeom>
                                <a:avLst/>
                                <a:gdLst>
                                  <a:gd name="T0" fmla="*/ 255 w 259"/>
                                  <a:gd name="T1" fmla="*/ 0 h 343"/>
                                  <a:gd name="T2" fmla="*/ 255 w 259"/>
                                  <a:gd name="T3" fmla="*/ 63 h 343"/>
                                  <a:gd name="T4" fmla="*/ 101 w 259"/>
                                  <a:gd name="T5" fmla="*/ 63 h 343"/>
                                  <a:gd name="T6" fmla="*/ 101 w 259"/>
                                  <a:gd name="T7" fmla="*/ 139 h 343"/>
                                  <a:gd name="T8" fmla="*/ 236 w 259"/>
                                  <a:gd name="T9" fmla="*/ 139 h 343"/>
                                  <a:gd name="T10" fmla="*/ 236 w 259"/>
                                  <a:gd name="T11" fmla="*/ 197 h 343"/>
                                  <a:gd name="T12" fmla="*/ 101 w 259"/>
                                  <a:gd name="T13" fmla="*/ 197 h 343"/>
                                  <a:gd name="T14" fmla="*/ 101 w 259"/>
                                  <a:gd name="T15" fmla="*/ 277 h 343"/>
                                  <a:gd name="T16" fmla="*/ 259 w 259"/>
                                  <a:gd name="T17" fmla="*/ 277 h 343"/>
                                  <a:gd name="T18" fmla="*/ 259 w 259"/>
                                  <a:gd name="T19" fmla="*/ 343 h 343"/>
                                  <a:gd name="T20" fmla="*/ 0 w 259"/>
                                  <a:gd name="T21" fmla="*/ 343 h 343"/>
                                  <a:gd name="T22" fmla="*/ 0 w 259"/>
                                  <a:gd name="T23" fmla="*/ 0 h 343"/>
                                  <a:gd name="T24" fmla="*/ 255 w 259"/>
                                  <a:gd name="T25" fmla="*/ 0 h 3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59" h="343">
                                    <a:moveTo>
                                      <a:pt x="255" y="0"/>
                                    </a:moveTo>
                                    <a:lnTo>
                                      <a:pt x="255" y="63"/>
                                    </a:lnTo>
                                    <a:lnTo>
                                      <a:pt x="101" y="63"/>
                                    </a:lnTo>
                                    <a:lnTo>
                                      <a:pt x="101" y="139"/>
                                    </a:lnTo>
                                    <a:lnTo>
                                      <a:pt x="236" y="139"/>
                                    </a:lnTo>
                                    <a:lnTo>
                                      <a:pt x="236" y="197"/>
                                    </a:lnTo>
                                    <a:lnTo>
                                      <a:pt x="101" y="197"/>
                                    </a:lnTo>
                                    <a:lnTo>
                                      <a:pt x="101" y="277"/>
                                    </a:lnTo>
                                    <a:lnTo>
                                      <a:pt x="259" y="277"/>
                                    </a:lnTo>
                                    <a:lnTo>
                                      <a:pt x="259" y="343"/>
                                    </a:lnTo>
                                    <a:lnTo>
                                      <a:pt x="0" y="343"/>
                                    </a:lnTo>
                                    <a:lnTo>
                                      <a:pt x="0" y="0"/>
                                    </a:lnTo>
                                    <a:lnTo>
                                      <a:pt x="255" y="0"/>
                                    </a:lnTo>
                                  </a:path>
                                </a:pathLst>
                              </a:custGeom>
                              <a:noFill/>
                              <a:ln w="0">
                                <a:solidFill>
                                  <a:srgbClr val="000000"/>
                                </a:solidFill>
                                <a:prstDash val="solid"/>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 name="Freeform 18"/>
                            <wps:cNvSpPr>
                              <a:spLocks/>
                            </wps:cNvSpPr>
                            <wps:spPr bwMode="auto">
                              <a:xfrm>
                                <a:off x="522605" y="6985"/>
                                <a:ext cx="271145" cy="219075"/>
                              </a:xfrm>
                              <a:custGeom>
                                <a:avLst/>
                                <a:gdLst>
                                  <a:gd name="T0" fmla="*/ 427 w 427"/>
                                  <a:gd name="T1" fmla="*/ 0 h 345"/>
                                  <a:gd name="T2" fmla="*/ 427 w 427"/>
                                  <a:gd name="T3" fmla="*/ 343 h 345"/>
                                  <a:gd name="T4" fmla="*/ 327 w 427"/>
                                  <a:gd name="T5" fmla="*/ 343 h 345"/>
                                  <a:gd name="T6" fmla="*/ 327 w 427"/>
                                  <a:gd name="T7" fmla="*/ 116 h 345"/>
                                  <a:gd name="T8" fmla="*/ 228 w 427"/>
                                  <a:gd name="T9" fmla="*/ 345 h 345"/>
                                  <a:gd name="T10" fmla="*/ 167 w 427"/>
                                  <a:gd name="T11" fmla="*/ 345 h 345"/>
                                  <a:gd name="T12" fmla="*/ 70 w 427"/>
                                  <a:gd name="T13" fmla="*/ 116 h 345"/>
                                  <a:gd name="T14" fmla="*/ 70 w 427"/>
                                  <a:gd name="T15" fmla="*/ 343 h 345"/>
                                  <a:gd name="T16" fmla="*/ 0 w 427"/>
                                  <a:gd name="T17" fmla="*/ 343 h 345"/>
                                  <a:gd name="T18" fmla="*/ 0 w 427"/>
                                  <a:gd name="T19" fmla="*/ 0 h 345"/>
                                  <a:gd name="T20" fmla="*/ 128 w 427"/>
                                  <a:gd name="T21" fmla="*/ 0 h 345"/>
                                  <a:gd name="T22" fmla="*/ 213 w 427"/>
                                  <a:gd name="T23" fmla="*/ 209 h 345"/>
                                  <a:gd name="T24" fmla="*/ 304 w 427"/>
                                  <a:gd name="T25" fmla="*/ 0 h 345"/>
                                  <a:gd name="T26" fmla="*/ 427 w 427"/>
                                  <a:gd name="T27" fmla="*/ 0 h 3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27" h="345">
                                    <a:moveTo>
                                      <a:pt x="427" y="0"/>
                                    </a:moveTo>
                                    <a:lnTo>
                                      <a:pt x="427" y="343"/>
                                    </a:lnTo>
                                    <a:lnTo>
                                      <a:pt x="327" y="343"/>
                                    </a:lnTo>
                                    <a:lnTo>
                                      <a:pt x="327" y="116"/>
                                    </a:lnTo>
                                    <a:lnTo>
                                      <a:pt x="228" y="345"/>
                                    </a:lnTo>
                                    <a:lnTo>
                                      <a:pt x="167" y="345"/>
                                    </a:lnTo>
                                    <a:lnTo>
                                      <a:pt x="70" y="116"/>
                                    </a:lnTo>
                                    <a:lnTo>
                                      <a:pt x="70" y="343"/>
                                    </a:lnTo>
                                    <a:lnTo>
                                      <a:pt x="0" y="343"/>
                                    </a:lnTo>
                                    <a:lnTo>
                                      <a:pt x="0" y="0"/>
                                    </a:lnTo>
                                    <a:lnTo>
                                      <a:pt x="128" y="0"/>
                                    </a:lnTo>
                                    <a:lnTo>
                                      <a:pt x="213" y="209"/>
                                    </a:lnTo>
                                    <a:lnTo>
                                      <a:pt x="304" y="0"/>
                                    </a:lnTo>
                                    <a:lnTo>
                                      <a:pt x="427" y="0"/>
                                    </a:lnTo>
                                  </a:path>
                                </a:pathLst>
                              </a:custGeom>
                              <a:noFill/>
                              <a:ln w="0">
                                <a:solidFill>
                                  <a:srgbClr val="000000"/>
                                </a:solidFill>
                                <a:prstDash val="solid"/>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 name="Freeform 19"/>
                            <wps:cNvSpPr>
                              <a:spLocks/>
                            </wps:cNvSpPr>
                            <wps:spPr bwMode="auto">
                              <a:xfrm>
                                <a:off x="843915" y="6985"/>
                                <a:ext cx="165100" cy="217805"/>
                              </a:xfrm>
                              <a:custGeom>
                                <a:avLst/>
                                <a:gdLst>
                                  <a:gd name="T0" fmla="*/ 257 w 260"/>
                                  <a:gd name="T1" fmla="*/ 0 h 343"/>
                                  <a:gd name="T2" fmla="*/ 257 w 260"/>
                                  <a:gd name="T3" fmla="*/ 63 h 343"/>
                                  <a:gd name="T4" fmla="*/ 100 w 260"/>
                                  <a:gd name="T5" fmla="*/ 63 h 343"/>
                                  <a:gd name="T6" fmla="*/ 100 w 260"/>
                                  <a:gd name="T7" fmla="*/ 139 h 343"/>
                                  <a:gd name="T8" fmla="*/ 237 w 260"/>
                                  <a:gd name="T9" fmla="*/ 139 h 343"/>
                                  <a:gd name="T10" fmla="*/ 237 w 260"/>
                                  <a:gd name="T11" fmla="*/ 197 h 343"/>
                                  <a:gd name="T12" fmla="*/ 100 w 260"/>
                                  <a:gd name="T13" fmla="*/ 197 h 343"/>
                                  <a:gd name="T14" fmla="*/ 100 w 260"/>
                                  <a:gd name="T15" fmla="*/ 277 h 343"/>
                                  <a:gd name="T16" fmla="*/ 260 w 260"/>
                                  <a:gd name="T17" fmla="*/ 277 h 343"/>
                                  <a:gd name="T18" fmla="*/ 260 w 260"/>
                                  <a:gd name="T19" fmla="*/ 343 h 343"/>
                                  <a:gd name="T20" fmla="*/ 0 w 260"/>
                                  <a:gd name="T21" fmla="*/ 343 h 343"/>
                                  <a:gd name="T22" fmla="*/ 0 w 260"/>
                                  <a:gd name="T23" fmla="*/ 0 h 343"/>
                                  <a:gd name="T24" fmla="*/ 257 w 260"/>
                                  <a:gd name="T25" fmla="*/ 0 h 3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60" h="343">
                                    <a:moveTo>
                                      <a:pt x="257" y="0"/>
                                    </a:moveTo>
                                    <a:lnTo>
                                      <a:pt x="257" y="63"/>
                                    </a:lnTo>
                                    <a:lnTo>
                                      <a:pt x="100" y="63"/>
                                    </a:lnTo>
                                    <a:lnTo>
                                      <a:pt x="100" y="139"/>
                                    </a:lnTo>
                                    <a:lnTo>
                                      <a:pt x="237" y="139"/>
                                    </a:lnTo>
                                    <a:lnTo>
                                      <a:pt x="237" y="197"/>
                                    </a:lnTo>
                                    <a:lnTo>
                                      <a:pt x="100" y="197"/>
                                    </a:lnTo>
                                    <a:lnTo>
                                      <a:pt x="100" y="277"/>
                                    </a:lnTo>
                                    <a:lnTo>
                                      <a:pt x="260" y="277"/>
                                    </a:lnTo>
                                    <a:lnTo>
                                      <a:pt x="260" y="343"/>
                                    </a:lnTo>
                                    <a:lnTo>
                                      <a:pt x="0" y="343"/>
                                    </a:lnTo>
                                    <a:lnTo>
                                      <a:pt x="0" y="0"/>
                                    </a:lnTo>
                                    <a:lnTo>
                                      <a:pt x="257" y="0"/>
                                    </a:lnTo>
                                  </a:path>
                                </a:pathLst>
                              </a:custGeom>
                              <a:noFill/>
                              <a:ln w="0">
                                <a:solidFill>
                                  <a:srgbClr val="000000"/>
                                </a:solidFill>
                                <a:prstDash val="solid"/>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7" name="Freeform 20"/>
                            <wps:cNvSpPr>
                              <a:spLocks/>
                            </wps:cNvSpPr>
                            <wps:spPr bwMode="auto">
                              <a:xfrm>
                                <a:off x="1045845" y="6985"/>
                                <a:ext cx="192405" cy="217805"/>
                              </a:xfrm>
                              <a:custGeom>
                                <a:avLst/>
                                <a:gdLst>
                                  <a:gd name="T0" fmla="*/ 303 w 303"/>
                                  <a:gd name="T1" fmla="*/ 0 h 343"/>
                                  <a:gd name="T2" fmla="*/ 303 w 303"/>
                                  <a:gd name="T3" fmla="*/ 343 h 343"/>
                                  <a:gd name="T4" fmla="*/ 193 w 303"/>
                                  <a:gd name="T5" fmla="*/ 343 h 343"/>
                                  <a:gd name="T6" fmla="*/ 69 w 303"/>
                                  <a:gd name="T7" fmla="*/ 122 h 343"/>
                                  <a:gd name="T8" fmla="*/ 69 w 303"/>
                                  <a:gd name="T9" fmla="*/ 343 h 343"/>
                                  <a:gd name="T10" fmla="*/ 0 w 303"/>
                                  <a:gd name="T11" fmla="*/ 343 h 343"/>
                                  <a:gd name="T12" fmla="*/ 0 w 303"/>
                                  <a:gd name="T13" fmla="*/ 0 h 343"/>
                                  <a:gd name="T14" fmla="*/ 114 w 303"/>
                                  <a:gd name="T15" fmla="*/ 0 h 343"/>
                                  <a:gd name="T16" fmla="*/ 232 w 303"/>
                                  <a:gd name="T17" fmla="*/ 217 h 343"/>
                                  <a:gd name="T18" fmla="*/ 232 w 303"/>
                                  <a:gd name="T19" fmla="*/ 0 h 343"/>
                                  <a:gd name="T20" fmla="*/ 303 w 303"/>
                                  <a:gd name="T21" fmla="*/ 0 h 3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03" h="343">
                                    <a:moveTo>
                                      <a:pt x="303" y="0"/>
                                    </a:moveTo>
                                    <a:lnTo>
                                      <a:pt x="303" y="343"/>
                                    </a:lnTo>
                                    <a:lnTo>
                                      <a:pt x="193" y="343"/>
                                    </a:lnTo>
                                    <a:lnTo>
                                      <a:pt x="69" y="122"/>
                                    </a:lnTo>
                                    <a:lnTo>
                                      <a:pt x="69" y="343"/>
                                    </a:lnTo>
                                    <a:lnTo>
                                      <a:pt x="0" y="343"/>
                                    </a:lnTo>
                                    <a:lnTo>
                                      <a:pt x="0" y="0"/>
                                    </a:lnTo>
                                    <a:lnTo>
                                      <a:pt x="114" y="0"/>
                                    </a:lnTo>
                                    <a:lnTo>
                                      <a:pt x="232" y="217"/>
                                    </a:lnTo>
                                    <a:lnTo>
                                      <a:pt x="232" y="0"/>
                                    </a:lnTo>
                                    <a:lnTo>
                                      <a:pt x="303" y="0"/>
                                    </a:lnTo>
                                  </a:path>
                                </a:pathLst>
                              </a:custGeom>
                              <a:noFill/>
                              <a:ln w="0">
                                <a:solidFill>
                                  <a:srgbClr val="000000"/>
                                </a:solidFill>
                                <a:prstDash val="solid"/>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8" name="Freeform 21"/>
                            <wps:cNvSpPr>
                              <a:spLocks/>
                            </wps:cNvSpPr>
                            <wps:spPr bwMode="auto">
                              <a:xfrm>
                                <a:off x="1273175" y="2540"/>
                                <a:ext cx="173355" cy="226695"/>
                              </a:xfrm>
                              <a:custGeom>
                                <a:avLst/>
                                <a:gdLst>
                                  <a:gd name="T0" fmla="*/ 231 w 273"/>
                                  <a:gd name="T1" fmla="*/ 76 h 357"/>
                                  <a:gd name="T2" fmla="*/ 209 w 273"/>
                                  <a:gd name="T3" fmla="*/ 69 h 357"/>
                                  <a:gd name="T4" fmla="*/ 189 w 273"/>
                                  <a:gd name="T5" fmla="*/ 65 h 357"/>
                                  <a:gd name="T6" fmla="*/ 169 w 273"/>
                                  <a:gd name="T7" fmla="*/ 62 h 357"/>
                                  <a:gd name="T8" fmla="*/ 150 w 273"/>
                                  <a:gd name="T9" fmla="*/ 60 h 357"/>
                                  <a:gd name="T10" fmla="*/ 133 w 273"/>
                                  <a:gd name="T11" fmla="*/ 62 h 357"/>
                                  <a:gd name="T12" fmla="*/ 117 w 273"/>
                                  <a:gd name="T13" fmla="*/ 66 h 357"/>
                                  <a:gd name="T14" fmla="*/ 105 w 273"/>
                                  <a:gd name="T15" fmla="*/ 73 h 357"/>
                                  <a:gd name="T16" fmla="*/ 98 w 273"/>
                                  <a:gd name="T17" fmla="*/ 83 h 357"/>
                                  <a:gd name="T18" fmla="*/ 98 w 273"/>
                                  <a:gd name="T19" fmla="*/ 90 h 357"/>
                                  <a:gd name="T20" fmla="*/ 98 w 273"/>
                                  <a:gd name="T21" fmla="*/ 99 h 357"/>
                                  <a:gd name="T22" fmla="*/ 102 w 273"/>
                                  <a:gd name="T23" fmla="*/ 106 h 357"/>
                                  <a:gd name="T24" fmla="*/ 110 w 273"/>
                                  <a:gd name="T25" fmla="*/ 112 h 357"/>
                                  <a:gd name="T26" fmla="*/ 123 w 273"/>
                                  <a:gd name="T27" fmla="*/ 118 h 357"/>
                                  <a:gd name="T28" fmla="*/ 205 w 273"/>
                                  <a:gd name="T29" fmla="*/ 155 h 357"/>
                                  <a:gd name="T30" fmla="*/ 231 w 273"/>
                                  <a:gd name="T31" fmla="*/ 172 h 357"/>
                                  <a:gd name="T32" fmla="*/ 251 w 273"/>
                                  <a:gd name="T33" fmla="*/ 192 h 357"/>
                                  <a:gd name="T34" fmla="*/ 265 w 273"/>
                                  <a:gd name="T35" fmla="*/ 215 h 357"/>
                                  <a:gd name="T36" fmla="*/ 271 w 273"/>
                                  <a:gd name="T37" fmla="*/ 242 h 357"/>
                                  <a:gd name="T38" fmla="*/ 270 w 273"/>
                                  <a:gd name="T39" fmla="*/ 272 h 357"/>
                                  <a:gd name="T40" fmla="*/ 251 w 273"/>
                                  <a:gd name="T41" fmla="*/ 308 h 357"/>
                                  <a:gd name="T42" fmla="*/ 219 w 273"/>
                                  <a:gd name="T43" fmla="*/ 334 h 357"/>
                                  <a:gd name="T44" fmla="*/ 176 w 273"/>
                                  <a:gd name="T45" fmla="*/ 351 h 357"/>
                                  <a:gd name="T46" fmla="*/ 121 w 273"/>
                                  <a:gd name="T47" fmla="*/ 357 h 357"/>
                                  <a:gd name="T48" fmla="*/ 101 w 273"/>
                                  <a:gd name="T49" fmla="*/ 357 h 357"/>
                                  <a:gd name="T50" fmla="*/ 76 w 273"/>
                                  <a:gd name="T51" fmla="*/ 355 h 357"/>
                                  <a:gd name="T52" fmla="*/ 50 w 273"/>
                                  <a:gd name="T53" fmla="*/ 352 h 357"/>
                                  <a:gd name="T54" fmla="*/ 24 w 273"/>
                                  <a:gd name="T55" fmla="*/ 347 h 357"/>
                                  <a:gd name="T56" fmla="*/ 7 w 273"/>
                                  <a:gd name="T57" fmla="*/ 272 h 357"/>
                                  <a:gd name="T58" fmla="*/ 32 w 273"/>
                                  <a:gd name="T59" fmla="*/ 281 h 357"/>
                                  <a:gd name="T60" fmla="*/ 56 w 273"/>
                                  <a:gd name="T61" fmla="*/ 288 h 357"/>
                                  <a:gd name="T62" fmla="*/ 81 w 273"/>
                                  <a:gd name="T63" fmla="*/ 292 h 357"/>
                                  <a:gd name="T64" fmla="*/ 102 w 273"/>
                                  <a:gd name="T65" fmla="*/ 294 h 357"/>
                                  <a:gd name="T66" fmla="*/ 121 w 273"/>
                                  <a:gd name="T67" fmla="*/ 294 h 357"/>
                                  <a:gd name="T68" fmla="*/ 140 w 273"/>
                                  <a:gd name="T69" fmla="*/ 291 h 357"/>
                                  <a:gd name="T70" fmla="*/ 156 w 273"/>
                                  <a:gd name="T71" fmla="*/ 285 h 357"/>
                                  <a:gd name="T72" fmla="*/ 166 w 273"/>
                                  <a:gd name="T73" fmla="*/ 277 h 357"/>
                                  <a:gd name="T74" fmla="*/ 170 w 273"/>
                                  <a:gd name="T75" fmla="*/ 267 h 357"/>
                                  <a:gd name="T76" fmla="*/ 170 w 273"/>
                                  <a:gd name="T77" fmla="*/ 258 h 357"/>
                                  <a:gd name="T78" fmla="*/ 167 w 273"/>
                                  <a:gd name="T79" fmla="*/ 251 h 357"/>
                                  <a:gd name="T80" fmla="*/ 163 w 273"/>
                                  <a:gd name="T81" fmla="*/ 244 h 357"/>
                                  <a:gd name="T82" fmla="*/ 156 w 273"/>
                                  <a:gd name="T83" fmla="*/ 238 h 357"/>
                                  <a:gd name="T84" fmla="*/ 149 w 273"/>
                                  <a:gd name="T85" fmla="*/ 232 h 357"/>
                                  <a:gd name="T86" fmla="*/ 53 w 273"/>
                                  <a:gd name="T87" fmla="*/ 194 h 357"/>
                                  <a:gd name="T88" fmla="*/ 29 w 273"/>
                                  <a:gd name="T89" fmla="*/ 175 h 357"/>
                                  <a:gd name="T90" fmla="*/ 11 w 273"/>
                                  <a:gd name="T91" fmla="*/ 153 h 357"/>
                                  <a:gd name="T92" fmla="*/ 1 w 273"/>
                                  <a:gd name="T93" fmla="*/ 128 h 357"/>
                                  <a:gd name="T94" fmla="*/ 0 w 273"/>
                                  <a:gd name="T95" fmla="*/ 103 h 357"/>
                                  <a:gd name="T96" fmla="*/ 7 w 273"/>
                                  <a:gd name="T97" fmla="*/ 66 h 357"/>
                                  <a:gd name="T98" fmla="*/ 30 w 273"/>
                                  <a:gd name="T99" fmla="*/ 36 h 357"/>
                                  <a:gd name="T100" fmla="*/ 66 w 273"/>
                                  <a:gd name="T101" fmla="*/ 15 h 357"/>
                                  <a:gd name="T102" fmla="*/ 112 w 273"/>
                                  <a:gd name="T103" fmla="*/ 3 h 357"/>
                                  <a:gd name="T104" fmla="*/ 149 w 273"/>
                                  <a:gd name="T105" fmla="*/ 2 h 357"/>
                                  <a:gd name="T106" fmla="*/ 170 w 273"/>
                                  <a:gd name="T107" fmla="*/ 3 h 357"/>
                                  <a:gd name="T108" fmla="*/ 192 w 273"/>
                                  <a:gd name="T109" fmla="*/ 6 h 357"/>
                                  <a:gd name="T110" fmla="*/ 215 w 273"/>
                                  <a:gd name="T111" fmla="*/ 9 h 357"/>
                                  <a:gd name="T112" fmla="*/ 237 w 273"/>
                                  <a:gd name="T113" fmla="*/ 15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273" h="357">
                                    <a:moveTo>
                                      <a:pt x="244" y="15"/>
                                    </a:moveTo>
                                    <a:lnTo>
                                      <a:pt x="244" y="80"/>
                                    </a:lnTo>
                                    <a:lnTo>
                                      <a:pt x="244" y="80"/>
                                    </a:lnTo>
                                    <a:lnTo>
                                      <a:pt x="239" y="80"/>
                                    </a:lnTo>
                                    <a:lnTo>
                                      <a:pt x="237" y="79"/>
                                    </a:lnTo>
                                    <a:lnTo>
                                      <a:pt x="234" y="78"/>
                                    </a:lnTo>
                                    <a:lnTo>
                                      <a:pt x="231" y="76"/>
                                    </a:lnTo>
                                    <a:lnTo>
                                      <a:pt x="228" y="75"/>
                                    </a:lnTo>
                                    <a:lnTo>
                                      <a:pt x="225" y="73"/>
                                    </a:lnTo>
                                    <a:lnTo>
                                      <a:pt x="222" y="73"/>
                                    </a:lnTo>
                                    <a:lnTo>
                                      <a:pt x="219" y="72"/>
                                    </a:lnTo>
                                    <a:lnTo>
                                      <a:pt x="216" y="70"/>
                                    </a:lnTo>
                                    <a:lnTo>
                                      <a:pt x="213" y="70"/>
                                    </a:lnTo>
                                    <a:lnTo>
                                      <a:pt x="209" y="69"/>
                                    </a:lnTo>
                                    <a:lnTo>
                                      <a:pt x="206" y="69"/>
                                    </a:lnTo>
                                    <a:lnTo>
                                      <a:pt x="203" y="68"/>
                                    </a:lnTo>
                                    <a:lnTo>
                                      <a:pt x="201" y="68"/>
                                    </a:lnTo>
                                    <a:lnTo>
                                      <a:pt x="198" y="66"/>
                                    </a:lnTo>
                                    <a:lnTo>
                                      <a:pt x="195" y="66"/>
                                    </a:lnTo>
                                    <a:lnTo>
                                      <a:pt x="192" y="65"/>
                                    </a:lnTo>
                                    <a:lnTo>
                                      <a:pt x="189" y="65"/>
                                    </a:lnTo>
                                    <a:lnTo>
                                      <a:pt x="186" y="65"/>
                                    </a:lnTo>
                                    <a:lnTo>
                                      <a:pt x="183" y="63"/>
                                    </a:lnTo>
                                    <a:lnTo>
                                      <a:pt x="180" y="63"/>
                                    </a:lnTo>
                                    <a:lnTo>
                                      <a:pt x="177" y="63"/>
                                    </a:lnTo>
                                    <a:lnTo>
                                      <a:pt x="175" y="62"/>
                                    </a:lnTo>
                                    <a:lnTo>
                                      <a:pt x="172" y="62"/>
                                    </a:lnTo>
                                    <a:lnTo>
                                      <a:pt x="169" y="62"/>
                                    </a:lnTo>
                                    <a:lnTo>
                                      <a:pt x="166" y="62"/>
                                    </a:lnTo>
                                    <a:lnTo>
                                      <a:pt x="163" y="62"/>
                                    </a:lnTo>
                                    <a:lnTo>
                                      <a:pt x="160" y="62"/>
                                    </a:lnTo>
                                    <a:lnTo>
                                      <a:pt x="157" y="62"/>
                                    </a:lnTo>
                                    <a:lnTo>
                                      <a:pt x="154" y="62"/>
                                    </a:lnTo>
                                    <a:lnTo>
                                      <a:pt x="151" y="62"/>
                                    </a:lnTo>
                                    <a:lnTo>
                                      <a:pt x="150" y="60"/>
                                    </a:lnTo>
                                    <a:lnTo>
                                      <a:pt x="150" y="60"/>
                                    </a:lnTo>
                                    <a:lnTo>
                                      <a:pt x="146" y="62"/>
                                    </a:lnTo>
                                    <a:lnTo>
                                      <a:pt x="143" y="62"/>
                                    </a:lnTo>
                                    <a:lnTo>
                                      <a:pt x="140" y="62"/>
                                    </a:lnTo>
                                    <a:lnTo>
                                      <a:pt x="137" y="62"/>
                                    </a:lnTo>
                                    <a:lnTo>
                                      <a:pt x="134" y="62"/>
                                    </a:lnTo>
                                    <a:lnTo>
                                      <a:pt x="133" y="62"/>
                                    </a:lnTo>
                                    <a:lnTo>
                                      <a:pt x="130" y="63"/>
                                    </a:lnTo>
                                    <a:lnTo>
                                      <a:pt x="127" y="63"/>
                                    </a:lnTo>
                                    <a:lnTo>
                                      <a:pt x="125" y="63"/>
                                    </a:lnTo>
                                    <a:lnTo>
                                      <a:pt x="123" y="65"/>
                                    </a:lnTo>
                                    <a:lnTo>
                                      <a:pt x="120" y="65"/>
                                    </a:lnTo>
                                    <a:lnTo>
                                      <a:pt x="118" y="66"/>
                                    </a:lnTo>
                                    <a:lnTo>
                                      <a:pt x="117" y="66"/>
                                    </a:lnTo>
                                    <a:lnTo>
                                      <a:pt x="114" y="68"/>
                                    </a:lnTo>
                                    <a:lnTo>
                                      <a:pt x="112" y="69"/>
                                    </a:lnTo>
                                    <a:lnTo>
                                      <a:pt x="111" y="69"/>
                                    </a:lnTo>
                                    <a:lnTo>
                                      <a:pt x="110" y="70"/>
                                    </a:lnTo>
                                    <a:lnTo>
                                      <a:pt x="108" y="72"/>
                                    </a:lnTo>
                                    <a:lnTo>
                                      <a:pt x="107" y="73"/>
                                    </a:lnTo>
                                    <a:lnTo>
                                      <a:pt x="105" y="73"/>
                                    </a:lnTo>
                                    <a:lnTo>
                                      <a:pt x="104" y="75"/>
                                    </a:lnTo>
                                    <a:lnTo>
                                      <a:pt x="102" y="76"/>
                                    </a:lnTo>
                                    <a:lnTo>
                                      <a:pt x="102" y="78"/>
                                    </a:lnTo>
                                    <a:lnTo>
                                      <a:pt x="101" y="79"/>
                                    </a:lnTo>
                                    <a:lnTo>
                                      <a:pt x="99" y="80"/>
                                    </a:lnTo>
                                    <a:lnTo>
                                      <a:pt x="99" y="82"/>
                                    </a:lnTo>
                                    <a:lnTo>
                                      <a:pt x="98" y="83"/>
                                    </a:lnTo>
                                    <a:lnTo>
                                      <a:pt x="98" y="83"/>
                                    </a:lnTo>
                                    <a:lnTo>
                                      <a:pt x="98" y="85"/>
                                    </a:lnTo>
                                    <a:lnTo>
                                      <a:pt x="98" y="86"/>
                                    </a:lnTo>
                                    <a:lnTo>
                                      <a:pt x="98" y="88"/>
                                    </a:lnTo>
                                    <a:lnTo>
                                      <a:pt x="98" y="89"/>
                                    </a:lnTo>
                                    <a:lnTo>
                                      <a:pt x="98" y="89"/>
                                    </a:lnTo>
                                    <a:lnTo>
                                      <a:pt x="98" y="90"/>
                                    </a:lnTo>
                                    <a:lnTo>
                                      <a:pt x="98" y="92"/>
                                    </a:lnTo>
                                    <a:lnTo>
                                      <a:pt x="98" y="93"/>
                                    </a:lnTo>
                                    <a:lnTo>
                                      <a:pt x="98" y="95"/>
                                    </a:lnTo>
                                    <a:lnTo>
                                      <a:pt x="98" y="96"/>
                                    </a:lnTo>
                                    <a:lnTo>
                                      <a:pt x="98" y="98"/>
                                    </a:lnTo>
                                    <a:lnTo>
                                      <a:pt x="98" y="98"/>
                                    </a:lnTo>
                                    <a:lnTo>
                                      <a:pt x="98" y="99"/>
                                    </a:lnTo>
                                    <a:lnTo>
                                      <a:pt x="99" y="100"/>
                                    </a:lnTo>
                                    <a:lnTo>
                                      <a:pt x="99" y="102"/>
                                    </a:lnTo>
                                    <a:lnTo>
                                      <a:pt x="99" y="102"/>
                                    </a:lnTo>
                                    <a:lnTo>
                                      <a:pt x="101" y="103"/>
                                    </a:lnTo>
                                    <a:lnTo>
                                      <a:pt x="101" y="105"/>
                                    </a:lnTo>
                                    <a:lnTo>
                                      <a:pt x="102" y="105"/>
                                    </a:lnTo>
                                    <a:lnTo>
                                      <a:pt x="102" y="106"/>
                                    </a:lnTo>
                                    <a:lnTo>
                                      <a:pt x="104" y="106"/>
                                    </a:lnTo>
                                    <a:lnTo>
                                      <a:pt x="104" y="108"/>
                                    </a:lnTo>
                                    <a:lnTo>
                                      <a:pt x="105" y="109"/>
                                    </a:lnTo>
                                    <a:lnTo>
                                      <a:pt x="107" y="109"/>
                                    </a:lnTo>
                                    <a:lnTo>
                                      <a:pt x="108" y="111"/>
                                    </a:lnTo>
                                    <a:lnTo>
                                      <a:pt x="108" y="111"/>
                                    </a:lnTo>
                                    <a:lnTo>
                                      <a:pt x="110" y="112"/>
                                    </a:lnTo>
                                    <a:lnTo>
                                      <a:pt x="111" y="113"/>
                                    </a:lnTo>
                                    <a:lnTo>
                                      <a:pt x="112" y="113"/>
                                    </a:lnTo>
                                    <a:lnTo>
                                      <a:pt x="115" y="115"/>
                                    </a:lnTo>
                                    <a:lnTo>
                                      <a:pt x="117" y="115"/>
                                    </a:lnTo>
                                    <a:lnTo>
                                      <a:pt x="118" y="116"/>
                                    </a:lnTo>
                                    <a:lnTo>
                                      <a:pt x="120" y="116"/>
                                    </a:lnTo>
                                    <a:lnTo>
                                      <a:pt x="123" y="118"/>
                                    </a:lnTo>
                                    <a:lnTo>
                                      <a:pt x="124" y="118"/>
                                    </a:lnTo>
                                    <a:lnTo>
                                      <a:pt x="127" y="119"/>
                                    </a:lnTo>
                                    <a:lnTo>
                                      <a:pt x="130" y="119"/>
                                    </a:lnTo>
                                    <a:lnTo>
                                      <a:pt x="196" y="149"/>
                                    </a:lnTo>
                                    <a:lnTo>
                                      <a:pt x="196" y="149"/>
                                    </a:lnTo>
                                    <a:lnTo>
                                      <a:pt x="201" y="152"/>
                                    </a:lnTo>
                                    <a:lnTo>
                                      <a:pt x="205" y="155"/>
                                    </a:lnTo>
                                    <a:lnTo>
                                      <a:pt x="208" y="156"/>
                                    </a:lnTo>
                                    <a:lnTo>
                                      <a:pt x="212" y="159"/>
                                    </a:lnTo>
                                    <a:lnTo>
                                      <a:pt x="216" y="162"/>
                                    </a:lnTo>
                                    <a:lnTo>
                                      <a:pt x="221" y="165"/>
                                    </a:lnTo>
                                    <a:lnTo>
                                      <a:pt x="224" y="166"/>
                                    </a:lnTo>
                                    <a:lnTo>
                                      <a:pt x="228" y="169"/>
                                    </a:lnTo>
                                    <a:lnTo>
                                      <a:pt x="231" y="172"/>
                                    </a:lnTo>
                                    <a:lnTo>
                                      <a:pt x="234" y="175"/>
                                    </a:lnTo>
                                    <a:lnTo>
                                      <a:pt x="238" y="178"/>
                                    </a:lnTo>
                                    <a:lnTo>
                                      <a:pt x="241" y="181"/>
                                    </a:lnTo>
                                    <a:lnTo>
                                      <a:pt x="244" y="184"/>
                                    </a:lnTo>
                                    <a:lnTo>
                                      <a:pt x="247" y="186"/>
                                    </a:lnTo>
                                    <a:lnTo>
                                      <a:pt x="250" y="189"/>
                                    </a:lnTo>
                                    <a:lnTo>
                                      <a:pt x="251" y="192"/>
                                    </a:lnTo>
                                    <a:lnTo>
                                      <a:pt x="254" y="195"/>
                                    </a:lnTo>
                                    <a:lnTo>
                                      <a:pt x="257" y="198"/>
                                    </a:lnTo>
                                    <a:lnTo>
                                      <a:pt x="258" y="201"/>
                                    </a:lnTo>
                                    <a:lnTo>
                                      <a:pt x="260" y="205"/>
                                    </a:lnTo>
                                    <a:lnTo>
                                      <a:pt x="263" y="208"/>
                                    </a:lnTo>
                                    <a:lnTo>
                                      <a:pt x="264" y="212"/>
                                    </a:lnTo>
                                    <a:lnTo>
                                      <a:pt x="265" y="215"/>
                                    </a:lnTo>
                                    <a:lnTo>
                                      <a:pt x="267" y="218"/>
                                    </a:lnTo>
                                    <a:lnTo>
                                      <a:pt x="268" y="222"/>
                                    </a:lnTo>
                                    <a:lnTo>
                                      <a:pt x="268" y="226"/>
                                    </a:lnTo>
                                    <a:lnTo>
                                      <a:pt x="270" y="229"/>
                                    </a:lnTo>
                                    <a:lnTo>
                                      <a:pt x="271" y="234"/>
                                    </a:lnTo>
                                    <a:lnTo>
                                      <a:pt x="271" y="238"/>
                                    </a:lnTo>
                                    <a:lnTo>
                                      <a:pt x="271" y="242"/>
                                    </a:lnTo>
                                    <a:lnTo>
                                      <a:pt x="271" y="246"/>
                                    </a:lnTo>
                                    <a:lnTo>
                                      <a:pt x="273" y="249"/>
                                    </a:lnTo>
                                    <a:lnTo>
                                      <a:pt x="273" y="249"/>
                                    </a:lnTo>
                                    <a:lnTo>
                                      <a:pt x="271" y="257"/>
                                    </a:lnTo>
                                    <a:lnTo>
                                      <a:pt x="271" y="262"/>
                                    </a:lnTo>
                                    <a:lnTo>
                                      <a:pt x="270" y="268"/>
                                    </a:lnTo>
                                    <a:lnTo>
                                      <a:pt x="270" y="272"/>
                                    </a:lnTo>
                                    <a:lnTo>
                                      <a:pt x="268" y="278"/>
                                    </a:lnTo>
                                    <a:lnTo>
                                      <a:pt x="265" y="284"/>
                                    </a:lnTo>
                                    <a:lnTo>
                                      <a:pt x="264" y="288"/>
                                    </a:lnTo>
                                    <a:lnTo>
                                      <a:pt x="261" y="294"/>
                                    </a:lnTo>
                                    <a:lnTo>
                                      <a:pt x="258" y="298"/>
                                    </a:lnTo>
                                    <a:lnTo>
                                      <a:pt x="255" y="302"/>
                                    </a:lnTo>
                                    <a:lnTo>
                                      <a:pt x="251" y="308"/>
                                    </a:lnTo>
                                    <a:lnTo>
                                      <a:pt x="248" y="312"/>
                                    </a:lnTo>
                                    <a:lnTo>
                                      <a:pt x="244" y="315"/>
                                    </a:lnTo>
                                    <a:lnTo>
                                      <a:pt x="239" y="319"/>
                                    </a:lnTo>
                                    <a:lnTo>
                                      <a:pt x="235" y="324"/>
                                    </a:lnTo>
                                    <a:lnTo>
                                      <a:pt x="231" y="327"/>
                                    </a:lnTo>
                                    <a:lnTo>
                                      <a:pt x="225" y="331"/>
                                    </a:lnTo>
                                    <a:lnTo>
                                      <a:pt x="219" y="334"/>
                                    </a:lnTo>
                                    <a:lnTo>
                                      <a:pt x="213" y="337"/>
                                    </a:lnTo>
                                    <a:lnTo>
                                      <a:pt x="208" y="340"/>
                                    </a:lnTo>
                                    <a:lnTo>
                                      <a:pt x="202" y="342"/>
                                    </a:lnTo>
                                    <a:lnTo>
                                      <a:pt x="196" y="345"/>
                                    </a:lnTo>
                                    <a:lnTo>
                                      <a:pt x="189" y="348"/>
                                    </a:lnTo>
                                    <a:lnTo>
                                      <a:pt x="182" y="350"/>
                                    </a:lnTo>
                                    <a:lnTo>
                                      <a:pt x="176" y="351"/>
                                    </a:lnTo>
                                    <a:lnTo>
                                      <a:pt x="169" y="352"/>
                                    </a:lnTo>
                                    <a:lnTo>
                                      <a:pt x="160" y="354"/>
                                    </a:lnTo>
                                    <a:lnTo>
                                      <a:pt x="153" y="355"/>
                                    </a:lnTo>
                                    <a:lnTo>
                                      <a:pt x="146" y="357"/>
                                    </a:lnTo>
                                    <a:lnTo>
                                      <a:pt x="137" y="357"/>
                                    </a:lnTo>
                                    <a:lnTo>
                                      <a:pt x="128" y="357"/>
                                    </a:lnTo>
                                    <a:lnTo>
                                      <a:pt x="121" y="357"/>
                                    </a:lnTo>
                                    <a:lnTo>
                                      <a:pt x="121" y="357"/>
                                    </a:lnTo>
                                    <a:lnTo>
                                      <a:pt x="117" y="357"/>
                                    </a:lnTo>
                                    <a:lnTo>
                                      <a:pt x="114" y="357"/>
                                    </a:lnTo>
                                    <a:lnTo>
                                      <a:pt x="111" y="357"/>
                                    </a:lnTo>
                                    <a:lnTo>
                                      <a:pt x="108" y="357"/>
                                    </a:lnTo>
                                    <a:lnTo>
                                      <a:pt x="104" y="357"/>
                                    </a:lnTo>
                                    <a:lnTo>
                                      <a:pt x="101" y="357"/>
                                    </a:lnTo>
                                    <a:lnTo>
                                      <a:pt x="98" y="357"/>
                                    </a:lnTo>
                                    <a:lnTo>
                                      <a:pt x="94" y="357"/>
                                    </a:lnTo>
                                    <a:lnTo>
                                      <a:pt x="91" y="357"/>
                                    </a:lnTo>
                                    <a:lnTo>
                                      <a:pt x="86" y="357"/>
                                    </a:lnTo>
                                    <a:lnTo>
                                      <a:pt x="84" y="355"/>
                                    </a:lnTo>
                                    <a:lnTo>
                                      <a:pt x="81" y="355"/>
                                    </a:lnTo>
                                    <a:lnTo>
                                      <a:pt x="76" y="355"/>
                                    </a:lnTo>
                                    <a:lnTo>
                                      <a:pt x="73" y="355"/>
                                    </a:lnTo>
                                    <a:lnTo>
                                      <a:pt x="69" y="354"/>
                                    </a:lnTo>
                                    <a:lnTo>
                                      <a:pt x="66" y="354"/>
                                    </a:lnTo>
                                    <a:lnTo>
                                      <a:pt x="62" y="354"/>
                                    </a:lnTo>
                                    <a:lnTo>
                                      <a:pt x="58" y="352"/>
                                    </a:lnTo>
                                    <a:lnTo>
                                      <a:pt x="55" y="352"/>
                                    </a:lnTo>
                                    <a:lnTo>
                                      <a:pt x="50" y="352"/>
                                    </a:lnTo>
                                    <a:lnTo>
                                      <a:pt x="48" y="351"/>
                                    </a:lnTo>
                                    <a:lnTo>
                                      <a:pt x="43" y="351"/>
                                    </a:lnTo>
                                    <a:lnTo>
                                      <a:pt x="40" y="350"/>
                                    </a:lnTo>
                                    <a:lnTo>
                                      <a:pt x="36" y="350"/>
                                    </a:lnTo>
                                    <a:lnTo>
                                      <a:pt x="32" y="350"/>
                                    </a:lnTo>
                                    <a:lnTo>
                                      <a:pt x="29" y="348"/>
                                    </a:lnTo>
                                    <a:lnTo>
                                      <a:pt x="24" y="347"/>
                                    </a:lnTo>
                                    <a:lnTo>
                                      <a:pt x="22" y="347"/>
                                    </a:lnTo>
                                    <a:lnTo>
                                      <a:pt x="17" y="345"/>
                                    </a:lnTo>
                                    <a:lnTo>
                                      <a:pt x="14" y="345"/>
                                    </a:lnTo>
                                    <a:lnTo>
                                      <a:pt x="10" y="344"/>
                                    </a:lnTo>
                                    <a:lnTo>
                                      <a:pt x="7" y="342"/>
                                    </a:lnTo>
                                    <a:lnTo>
                                      <a:pt x="7" y="272"/>
                                    </a:lnTo>
                                    <a:lnTo>
                                      <a:pt x="7" y="272"/>
                                    </a:lnTo>
                                    <a:lnTo>
                                      <a:pt x="10" y="274"/>
                                    </a:lnTo>
                                    <a:lnTo>
                                      <a:pt x="14" y="275"/>
                                    </a:lnTo>
                                    <a:lnTo>
                                      <a:pt x="17" y="277"/>
                                    </a:lnTo>
                                    <a:lnTo>
                                      <a:pt x="22" y="278"/>
                                    </a:lnTo>
                                    <a:lnTo>
                                      <a:pt x="24" y="279"/>
                                    </a:lnTo>
                                    <a:lnTo>
                                      <a:pt x="29" y="281"/>
                                    </a:lnTo>
                                    <a:lnTo>
                                      <a:pt x="32" y="281"/>
                                    </a:lnTo>
                                    <a:lnTo>
                                      <a:pt x="36" y="282"/>
                                    </a:lnTo>
                                    <a:lnTo>
                                      <a:pt x="39" y="284"/>
                                    </a:lnTo>
                                    <a:lnTo>
                                      <a:pt x="42" y="284"/>
                                    </a:lnTo>
                                    <a:lnTo>
                                      <a:pt x="46" y="285"/>
                                    </a:lnTo>
                                    <a:lnTo>
                                      <a:pt x="49" y="287"/>
                                    </a:lnTo>
                                    <a:lnTo>
                                      <a:pt x="53" y="287"/>
                                    </a:lnTo>
                                    <a:lnTo>
                                      <a:pt x="56" y="288"/>
                                    </a:lnTo>
                                    <a:lnTo>
                                      <a:pt x="60" y="288"/>
                                    </a:lnTo>
                                    <a:lnTo>
                                      <a:pt x="63" y="289"/>
                                    </a:lnTo>
                                    <a:lnTo>
                                      <a:pt x="66" y="289"/>
                                    </a:lnTo>
                                    <a:lnTo>
                                      <a:pt x="71" y="291"/>
                                    </a:lnTo>
                                    <a:lnTo>
                                      <a:pt x="73" y="291"/>
                                    </a:lnTo>
                                    <a:lnTo>
                                      <a:pt x="76" y="291"/>
                                    </a:lnTo>
                                    <a:lnTo>
                                      <a:pt x="81" y="292"/>
                                    </a:lnTo>
                                    <a:lnTo>
                                      <a:pt x="84" y="292"/>
                                    </a:lnTo>
                                    <a:lnTo>
                                      <a:pt x="86" y="292"/>
                                    </a:lnTo>
                                    <a:lnTo>
                                      <a:pt x="89" y="294"/>
                                    </a:lnTo>
                                    <a:lnTo>
                                      <a:pt x="94" y="294"/>
                                    </a:lnTo>
                                    <a:lnTo>
                                      <a:pt x="97" y="294"/>
                                    </a:lnTo>
                                    <a:lnTo>
                                      <a:pt x="99" y="294"/>
                                    </a:lnTo>
                                    <a:lnTo>
                                      <a:pt x="102" y="294"/>
                                    </a:lnTo>
                                    <a:lnTo>
                                      <a:pt x="105" y="294"/>
                                    </a:lnTo>
                                    <a:lnTo>
                                      <a:pt x="108" y="294"/>
                                    </a:lnTo>
                                    <a:lnTo>
                                      <a:pt x="111" y="294"/>
                                    </a:lnTo>
                                    <a:lnTo>
                                      <a:pt x="115" y="294"/>
                                    </a:lnTo>
                                    <a:lnTo>
                                      <a:pt x="115" y="294"/>
                                    </a:lnTo>
                                    <a:lnTo>
                                      <a:pt x="118" y="294"/>
                                    </a:lnTo>
                                    <a:lnTo>
                                      <a:pt x="121" y="294"/>
                                    </a:lnTo>
                                    <a:lnTo>
                                      <a:pt x="124" y="294"/>
                                    </a:lnTo>
                                    <a:lnTo>
                                      <a:pt x="127" y="294"/>
                                    </a:lnTo>
                                    <a:lnTo>
                                      <a:pt x="130" y="294"/>
                                    </a:lnTo>
                                    <a:lnTo>
                                      <a:pt x="133" y="292"/>
                                    </a:lnTo>
                                    <a:lnTo>
                                      <a:pt x="136" y="292"/>
                                    </a:lnTo>
                                    <a:lnTo>
                                      <a:pt x="138" y="292"/>
                                    </a:lnTo>
                                    <a:lnTo>
                                      <a:pt x="140" y="291"/>
                                    </a:lnTo>
                                    <a:lnTo>
                                      <a:pt x="143" y="291"/>
                                    </a:lnTo>
                                    <a:lnTo>
                                      <a:pt x="146" y="289"/>
                                    </a:lnTo>
                                    <a:lnTo>
                                      <a:pt x="147" y="289"/>
                                    </a:lnTo>
                                    <a:lnTo>
                                      <a:pt x="150" y="288"/>
                                    </a:lnTo>
                                    <a:lnTo>
                                      <a:pt x="151" y="287"/>
                                    </a:lnTo>
                                    <a:lnTo>
                                      <a:pt x="154" y="287"/>
                                    </a:lnTo>
                                    <a:lnTo>
                                      <a:pt x="156" y="285"/>
                                    </a:lnTo>
                                    <a:lnTo>
                                      <a:pt x="157" y="284"/>
                                    </a:lnTo>
                                    <a:lnTo>
                                      <a:pt x="159" y="282"/>
                                    </a:lnTo>
                                    <a:lnTo>
                                      <a:pt x="160" y="282"/>
                                    </a:lnTo>
                                    <a:lnTo>
                                      <a:pt x="162" y="281"/>
                                    </a:lnTo>
                                    <a:lnTo>
                                      <a:pt x="163" y="279"/>
                                    </a:lnTo>
                                    <a:lnTo>
                                      <a:pt x="164" y="278"/>
                                    </a:lnTo>
                                    <a:lnTo>
                                      <a:pt x="166" y="277"/>
                                    </a:lnTo>
                                    <a:lnTo>
                                      <a:pt x="167" y="275"/>
                                    </a:lnTo>
                                    <a:lnTo>
                                      <a:pt x="167" y="274"/>
                                    </a:lnTo>
                                    <a:lnTo>
                                      <a:pt x="169" y="272"/>
                                    </a:lnTo>
                                    <a:lnTo>
                                      <a:pt x="169" y="271"/>
                                    </a:lnTo>
                                    <a:lnTo>
                                      <a:pt x="170" y="269"/>
                                    </a:lnTo>
                                    <a:lnTo>
                                      <a:pt x="170" y="268"/>
                                    </a:lnTo>
                                    <a:lnTo>
                                      <a:pt x="170" y="267"/>
                                    </a:lnTo>
                                    <a:lnTo>
                                      <a:pt x="170" y="265"/>
                                    </a:lnTo>
                                    <a:lnTo>
                                      <a:pt x="172" y="262"/>
                                    </a:lnTo>
                                    <a:lnTo>
                                      <a:pt x="172" y="262"/>
                                    </a:lnTo>
                                    <a:lnTo>
                                      <a:pt x="170" y="262"/>
                                    </a:lnTo>
                                    <a:lnTo>
                                      <a:pt x="170" y="261"/>
                                    </a:lnTo>
                                    <a:lnTo>
                                      <a:pt x="170" y="259"/>
                                    </a:lnTo>
                                    <a:lnTo>
                                      <a:pt x="170" y="258"/>
                                    </a:lnTo>
                                    <a:lnTo>
                                      <a:pt x="170" y="257"/>
                                    </a:lnTo>
                                    <a:lnTo>
                                      <a:pt x="170" y="257"/>
                                    </a:lnTo>
                                    <a:lnTo>
                                      <a:pt x="170" y="255"/>
                                    </a:lnTo>
                                    <a:lnTo>
                                      <a:pt x="169" y="254"/>
                                    </a:lnTo>
                                    <a:lnTo>
                                      <a:pt x="169" y="252"/>
                                    </a:lnTo>
                                    <a:lnTo>
                                      <a:pt x="169" y="252"/>
                                    </a:lnTo>
                                    <a:lnTo>
                                      <a:pt x="167" y="251"/>
                                    </a:lnTo>
                                    <a:lnTo>
                                      <a:pt x="167" y="249"/>
                                    </a:lnTo>
                                    <a:lnTo>
                                      <a:pt x="167" y="249"/>
                                    </a:lnTo>
                                    <a:lnTo>
                                      <a:pt x="166" y="248"/>
                                    </a:lnTo>
                                    <a:lnTo>
                                      <a:pt x="166" y="246"/>
                                    </a:lnTo>
                                    <a:lnTo>
                                      <a:pt x="164" y="245"/>
                                    </a:lnTo>
                                    <a:lnTo>
                                      <a:pt x="164" y="245"/>
                                    </a:lnTo>
                                    <a:lnTo>
                                      <a:pt x="163" y="244"/>
                                    </a:lnTo>
                                    <a:lnTo>
                                      <a:pt x="163" y="244"/>
                                    </a:lnTo>
                                    <a:lnTo>
                                      <a:pt x="162" y="242"/>
                                    </a:lnTo>
                                    <a:lnTo>
                                      <a:pt x="160" y="241"/>
                                    </a:lnTo>
                                    <a:lnTo>
                                      <a:pt x="160" y="241"/>
                                    </a:lnTo>
                                    <a:lnTo>
                                      <a:pt x="159" y="239"/>
                                    </a:lnTo>
                                    <a:lnTo>
                                      <a:pt x="157" y="239"/>
                                    </a:lnTo>
                                    <a:lnTo>
                                      <a:pt x="156" y="238"/>
                                    </a:lnTo>
                                    <a:lnTo>
                                      <a:pt x="156" y="238"/>
                                    </a:lnTo>
                                    <a:lnTo>
                                      <a:pt x="154" y="236"/>
                                    </a:lnTo>
                                    <a:lnTo>
                                      <a:pt x="153" y="235"/>
                                    </a:lnTo>
                                    <a:lnTo>
                                      <a:pt x="151" y="235"/>
                                    </a:lnTo>
                                    <a:lnTo>
                                      <a:pt x="150" y="234"/>
                                    </a:lnTo>
                                    <a:lnTo>
                                      <a:pt x="149" y="234"/>
                                    </a:lnTo>
                                    <a:lnTo>
                                      <a:pt x="149" y="232"/>
                                    </a:lnTo>
                                    <a:lnTo>
                                      <a:pt x="78" y="204"/>
                                    </a:lnTo>
                                    <a:lnTo>
                                      <a:pt x="78" y="204"/>
                                    </a:lnTo>
                                    <a:lnTo>
                                      <a:pt x="72" y="202"/>
                                    </a:lnTo>
                                    <a:lnTo>
                                      <a:pt x="68" y="199"/>
                                    </a:lnTo>
                                    <a:lnTo>
                                      <a:pt x="62" y="198"/>
                                    </a:lnTo>
                                    <a:lnTo>
                                      <a:pt x="58" y="195"/>
                                    </a:lnTo>
                                    <a:lnTo>
                                      <a:pt x="53" y="194"/>
                                    </a:lnTo>
                                    <a:lnTo>
                                      <a:pt x="49" y="191"/>
                                    </a:lnTo>
                                    <a:lnTo>
                                      <a:pt x="46" y="188"/>
                                    </a:lnTo>
                                    <a:lnTo>
                                      <a:pt x="42" y="185"/>
                                    </a:lnTo>
                                    <a:lnTo>
                                      <a:pt x="39" y="182"/>
                                    </a:lnTo>
                                    <a:lnTo>
                                      <a:pt x="35" y="181"/>
                                    </a:lnTo>
                                    <a:lnTo>
                                      <a:pt x="32" y="178"/>
                                    </a:lnTo>
                                    <a:lnTo>
                                      <a:pt x="29" y="175"/>
                                    </a:lnTo>
                                    <a:lnTo>
                                      <a:pt x="26" y="172"/>
                                    </a:lnTo>
                                    <a:lnTo>
                                      <a:pt x="23" y="169"/>
                                    </a:lnTo>
                                    <a:lnTo>
                                      <a:pt x="20" y="166"/>
                                    </a:lnTo>
                                    <a:lnTo>
                                      <a:pt x="17" y="162"/>
                                    </a:lnTo>
                                    <a:lnTo>
                                      <a:pt x="16" y="159"/>
                                    </a:lnTo>
                                    <a:lnTo>
                                      <a:pt x="13" y="156"/>
                                    </a:lnTo>
                                    <a:lnTo>
                                      <a:pt x="11" y="153"/>
                                    </a:lnTo>
                                    <a:lnTo>
                                      <a:pt x="10" y="149"/>
                                    </a:lnTo>
                                    <a:lnTo>
                                      <a:pt x="7" y="146"/>
                                    </a:lnTo>
                                    <a:lnTo>
                                      <a:pt x="6" y="143"/>
                                    </a:lnTo>
                                    <a:lnTo>
                                      <a:pt x="4" y="139"/>
                                    </a:lnTo>
                                    <a:lnTo>
                                      <a:pt x="4" y="136"/>
                                    </a:lnTo>
                                    <a:lnTo>
                                      <a:pt x="3" y="132"/>
                                    </a:lnTo>
                                    <a:lnTo>
                                      <a:pt x="1" y="128"/>
                                    </a:lnTo>
                                    <a:lnTo>
                                      <a:pt x="1" y="125"/>
                                    </a:lnTo>
                                    <a:lnTo>
                                      <a:pt x="0" y="121"/>
                                    </a:lnTo>
                                    <a:lnTo>
                                      <a:pt x="0" y="116"/>
                                    </a:lnTo>
                                    <a:lnTo>
                                      <a:pt x="0" y="112"/>
                                    </a:lnTo>
                                    <a:lnTo>
                                      <a:pt x="0" y="108"/>
                                    </a:lnTo>
                                    <a:lnTo>
                                      <a:pt x="0" y="103"/>
                                    </a:lnTo>
                                    <a:lnTo>
                                      <a:pt x="0" y="103"/>
                                    </a:lnTo>
                                    <a:lnTo>
                                      <a:pt x="0" y="98"/>
                                    </a:lnTo>
                                    <a:lnTo>
                                      <a:pt x="0" y="92"/>
                                    </a:lnTo>
                                    <a:lnTo>
                                      <a:pt x="1" y="86"/>
                                    </a:lnTo>
                                    <a:lnTo>
                                      <a:pt x="1" y="80"/>
                                    </a:lnTo>
                                    <a:lnTo>
                                      <a:pt x="3" y="76"/>
                                    </a:lnTo>
                                    <a:lnTo>
                                      <a:pt x="6" y="70"/>
                                    </a:lnTo>
                                    <a:lnTo>
                                      <a:pt x="7" y="66"/>
                                    </a:lnTo>
                                    <a:lnTo>
                                      <a:pt x="10" y="60"/>
                                    </a:lnTo>
                                    <a:lnTo>
                                      <a:pt x="13" y="56"/>
                                    </a:lnTo>
                                    <a:lnTo>
                                      <a:pt x="16" y="52"/>
                                    </a:lnTo>
                                    <a:lnTo>
                                      <a:pt x="19" y="48"/>
                                    </a:lnTo>
                                    <a:lnTo>
                                      <a:pt x="22" y="43"/>
                                    </a:lnTo>
                                    <a:lnTo>
                                      <a:pt x="26" y="39"/>
                                    </a:lnTo>
                                    <a:lnTo>
                                      <a:pt x="30" y="36"/>
                                    </a:lnTo>
                                    <a:lnTo>
                                      <a:pt x="35" y="32"/>
                                    </a:lnTo>
                                    <a:lnTo>
                                      <a:pt x="39" y="29"/>
                                    </a:lnTo>
                                    <a:lnTo>
                                      <a:pt x="43" y="25"/>
                                    </a:lnTo>
                                    <a:lnTo>
                                      <a:pt x="49" y="22"/>
                                    </a:lnTo>
                                    <a:lnTo>
                                      <a:pt x="55" y="19"/>
                                    </a:lnTo>
                                    <a:lnTo>
                                      <a:pt x="59" y="16"/>
                                    </a:lnTo>
                                    <a:lnTo>
                                      <a:pt x="66" y="15"/>
                                    </a:lnTo>
                                    <a:lnTo>
                                      <a:pt x="72" y="12"/>
                                    </a:lnTo>
                                    <a:lnTo>
                                      <a:pt x="78" y="10"/>
                                    </a:lnTo>
                                    <a:lnTo>
                                      <a:pt x="85" y="7"/>
                                    </a:lnTo>
                                    <a:lnTo>
                                      <a:pt x="91" y="6"/>
                                    </a:lnTo>
                                    <a:lnTo>
                                      <a:pt x="98" y="5"/>
                                    </a:lnTo>
                                    <a:lnTo>
                                      <a:pt x="105" y="3"/>
                                    </a:lnTo>
                                    <a:lnTo>
                                      <a:pt x="112" y="3"/>
                                    </a:lnTo>
                                    <a:lnTo>
                                      <a:pt x="120" y="2"/>
                                    </a:lnTo>
                                    <a:lnTo>
                                      <a:pt x="127" y="2"/>
                                    </a:lnTo>
                                    <a:lnTo>
                                      <a:pt x="136" y="2"/>
                                    </a:lnTo>
                                    <a:lnTo>
                                      <a:pt x="144" y="0"/>
                                    </a:lnTo>
                                    <a:lnTo>
                                      <a:pt x="144" y="0"/>
                                    </a:lnTo>
                                    <a:lnTo>
                                      <a:pt x="146" y="2"/>
                                    </a:lnTo>
                                    <a:lnTo>
                                      <a:pt x="149" y="2"/>
                                    </a:lnTo>
                                    <a:lnTo>
                                      <a:pt x="151" y="2"/>
                                    </a:lnTo>
                                    <a:lnTo>
                                      <a:pt x="154" y="2"/>
                                    </a:lnTo>
                                    <a:lnTo>
                                      <a:pt x="157" y="2"/>
                                    </a:lnTo>
                                    <a:lnTo>
                                      <a:pt x="160" y="2"/>
                                    </a:lnTo>
                                    <a:lnTo>
                                      <a:pt x="164" y="2"/>
                                    </a:lnTo>
                                    <a:lnTo>
                                      <a:pt x="167" y="2"/>
                                    </a:lnTo>
                                    <a:lnTo>
                                      <a:pt x="170" y="3"/>
                                    </a:lnTo>
                                    <a:lnTo>
                                      <a:pt x="173" y="3"/>
                                    </a:lnTo>
                                    <a:lnTo>
                                      <a:pt x="176" y="3"/>
                                    </a:lnTo>
                                    <a:lnTo>
                                      <a:pt x="179" y="3"/>
                                    </a:lnTo>
                                    <a:lnTo>
                                      <a:pt x="183" y="5"/>
                                    </a:lnTo>
                                    <a:lnTo>
                                      <a:pt x="186" y="5"/>
                                    </a:lnTo>
                                    <a:lnTo>
                                      <a:pt x="189" y="5"/>
                                    </a:lnTo>
                                    <a:lnTo>
                                      <a:pt x="192" y="6"/>
                                    </a:lnTo>
                                    <a:lnTo>
                                      <a:pt x="196" y="6"/>
                                    </a:lnTo>
                                    <a:lnTo>
                                      <a:pt x="199" y="6"/>
                                    </a:lnTo>
                                    <a:lnTo>
                                      <a:pt x="202" y="7"/>
                                    </a:lnTo>
                                    <a:lnTo>
                                      <a:pt x="205" y="7"/>
                                    </a:lnTo>
                                    <a:lnTo>
                                      <a:pt x="209" y="9"/>
                                    </a:lnTo>
                                    <a:lnTo>
                                      <a:pt x="212" y="9"/>
                                    </a:lnTo>
                                    <a:lnTo>
                                      <a:pt x="215" y="9"/>
                                    </a:lnTo>
                                    <a:lnTo>
                                      <a:pt x="218" y="10"/>
                                    </a:lnTo>
                                    <a:lnTo>
                                      <a:pt x="221" y="10"/>
                                    </a:lnTo>
                                    <a:lnTo>
                                      <a:pt x="225" y="12"/>
                                    </a:lnTo>
                                    <a:lnTo>
                                      <a:pt x="228" y="12"/>
                                    </a:lnTo>
                                    <a:lnTo>
                                      <a:pt x="231" y="13"/>
                                    </a:lnTo>
                                    <a:lnTo>
                                      <a:pt x="234" y="13"/>
                                    </a:lnTo>
                                    <a:lnTo>
                                      <a:pt x="237" y="15"/>
                                    </a:lnTo>
                                    <a:lnTo>
                                      <a:pt x="239" y="15"/>
                                    </a:lnTo>
                                    <a:lnTo>
                                      <a:pt x="244" y="15"/>
                                    </a:lnTo>
                                  </a:path>
                                </a:pathLst>
                              </a:custGeom>
                              <a:noFill/>
                              <a:ln w="0">
                                <a:solidFill>
                                  <a:srgbClr val="000000"/>
                                </a:solidFill>
                                <a:prstDash val="solid"/>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c:wpc>
                      </a:graphicData>
                    </a:graphic>
                  </wp:inline>
                </w:drawing>
              </mc:Choice>
              <mc:Fallback>
                <w:pict>
                  <v:group w14:anchorId="63054540" id="Canvas 12" o:spid="_x0000_s1026" editas="canvas" style="width:114.1pt;height:18.25pt;mso-position-horizontal-relative:char;mso-position-vertical-relative:line" coordsize="14490,23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7" type="#_x0000_t75" style="position:absolute;width:14490;height:2317;visibility:visible;mso-wrap-style:square">
                      <v:fill o:detectmouseclick="t"/>
                      <v:path o:connecttype="none"/>
                    </v:shape>
                    <v:shape id="Freeform 14" o:spid="_x0000_s1028" style="position:absolute;left:25;top:25;width:14440;height:2267;visibility:visible;mso-wrap-style:square;v-text-anchor:top" coordsize="2274,3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" path="m246,15r,65l246,80r-5,l238,79r-2,-1l233,76r-5,-1l225,73r-2,l220,72r-5,-2l213,70r-3,-1l207,69r-3,-1l201,68r-4,-2l194,66r-3,-1l188,65r-3,l182,63r-3,l176,63r-2,-1l171,62r-2,l166,62r-3,l161,62r-3,l156,62r-3,l152,60r,l148,62r-3,l142,62r-3,l136,62r-3,l130,63r-3,l126,63r-3,2l120,65r-1,1l116,66r-2,2l111,69r-1,l109,70r-2,2l106,73r-2,l103,75r-2,1l100,78r-2,1l98,80r-1,2l97,83r-1,l96,85r,1l96,88r,1l96,89r,1l96,92r,1l96,95r,1l96,98r1,l97,99r,1l98,102r,l100,103r,2l101,105r2,1l104,106r,2l106,109r1,l109,111r1,l111,112r2,1l114,113r2,2l117,115r3,1l122,116r1,2l126,118r1,1l130,119r64,30l194,149r4,3l202,155r5,1l211,159r4,3l220,165r3,1l227,169r3,3l234,175r3,3l240,181r3,3l246,186r3,3l251,192r2,3l256,198r1,3l259,204r1,4l262,211r1,3l264,218r2,3l267,225r,3l269,232r,3l269,239r,5l270,246r,l269,254r,5l267,265r,6l266,277r-3,5l262,287r-3,5l256,297r-3,5l250,307r-4,4l241,315r-4,4l233,324r-5,3l223,331r-5,3l213,337r-6,3l201,342r-7,3l188,347r-7,3l174,351r-8,1l159,354r-9,1l143,357r-8,l126,357r-7,l119,357r-5,l111,357r-2,l106,357r-5,l98,357r-2,l93,357r-5,l85,357r-2,-2l78,355r-3,l72,355r-4,-1l65,354r-4,l58,352r-4,l51,352r-4,-1l42,351r-3,-1l35,350r-3,l28,348r-5,-1l21,347r-5,-2l12,345,8,344,5,342r,-70l5,272r3,2l12,275r4,2l21,278r2,1l28,281r3,l35,282r4,2l42,284r5,1l49,287r5,l57,288r3,l64,289r3,l70,291r4,l77,291r3,1l83,292r2,l90,294r3,l96,294r2,l101,294r3,l107,294r3,l113,294r,l116,294r3,l123,294r3,l129,294r3,-2l135,292r2,l140,291r3,l145,289r3,l150,288r2,-1l153,287r3,-2l158,284r1,-2l161,281r1,-2l163,278r2,-1l165,275r1,-1l168,272r,-1l169,269r,-1l169,265r,-1l169,262r2,-3l171,259r-2,l169,258r,l169,257r,-2l169,255r,-1l169,252r-1,l168,251r,-2l168,249r-2,-1l166,246r-1,l165,245r,l163,244r-1,-2l162,242r-1,-1l161,241r-2,-2l158,239r-2,-1l155,238r,-2l153,235r-1,l150,234r-1,l148,232,75,204r,l70,202r-5,-3l61,198r-4,-3l52,192r-4,-1l45,188r-4,-3l38,182r-4,-3l31,176r-3,-3l25,171r-3,-3l21,165r-3,-3l15,159r-2,-4l12,152,9,149,8,145,6,142,5,138r,-3l3,131,2,128r,-5l,119r,-3l,112r,-4l,103r,l,98,,92,2,86r,-6l3,76,5,70,8,66r2,-6l12,56r3,-4l19,48r3,-5l26,39r3,-3l34,32r5,-3l44,25r4,-3l54,19r6,-3l65,15r6,-3l77,10,84,7,90,6,97,5r7,-2l111,3r8,-1l127,2r8,l143,r,l146,2r3,l152,2r3,l158,2r3,l165,2r3,l171,3r3,l178,3r3,l184,5r3,l191,5r3,1l197,6r4,l204,7r3,l210,9r4,l217,9r3,1l223,10r4,2l230,12r3,1l236,13r2,2l241,15r5,xm422,7r,343l318,350,318,7r104,xm758,7r,63l604,70r,76l739,146r,58l604,204r,80l762,284r,66l503,350,503,7r255,xm1246,7r,343l1146,350r,-227l1047,352r-61,l889,123r,227l819,350,819,7r128,l1032,216,1123,7r123,xm1582,7r,63l1425,70r,76l1562,146r,58l1425,204r,80l1585,284r,66l1325,350r,-343l1582,7xm1946,7r,343l1836,350,1712,129r,221l1643,350r,-343l1757,7r118,217l1875,7r71,xm2245,15r,65l2245,80r-5,l2238,79r-3,-1l2232,76r-3,-1l2226,73r-3,l2220,72r-3,-2l2214,70r-4,-1l2207,69r-3,-1l2202,68r-3,-2l2196,66r-3,-1l2190,65r-3,l2184,63r-3,l2178,63r-2,-1l2173,62r-3,l2167,62r-3,l2161,62r-3,l2155,62r-3,l2151,60r,l2147,62r-3,l2141,62r-3,l2135,62r-1,l2131,63r-3,l2126,63r-2,2l2121,65r-2,1l2118,66r-3,2l2113,69r-1,l2111,70r-2,2l2108,73r-2,l2105,75r-2,1l2103,78r-1,1l2100,80r,2l2099,83r,l2099,85r,1l2099,88r,1l2099,89r,1l2099,92r,1l2099,95r,1l2099,98r,l2099,99r1,1l2100,102r,l2102,103r,2l2103,105r,1l2105,106r,2l2106,109r2,l2109,111r,l2111,112r1,1l2113,113r3,2l2118,115r1,1l2121,116r3,2l2125,118r3,1l2131,119r66,30l2197,149r5,3l2206,155r3,1l2213,159r4,3l2222,165r3,1l2229,169r3,3l2235,175r4,3l2242,181r3,3l2248,186r3,3l2252,192r3,3l2258,198r1,3l2261,205r3,3l2265,212r1,3l2268,218r1,4l2269,226r2,3l2272,234r,4l2272,242r,4l2274,249r,l2272,257r,5l2271,268r,4l2269,278r-3,6l2265,288r-3,6l2259,298r-3,4l2252,308r-3,4l2245,315r-5,4l2236,324r-4,3l2226,331r-6,3l2214,337r-5,3l2203,342r-6,3l2190,348r-7,2l2177,351r-7,1l2161,354r-7,1l2147,357r-9,l2129,357r-7,l2122,357r-4,l2115,357r-3,l2109,357r-4,l2102,357r-3,l2095,357r-3,l2087,357r-2,-2l2082,355r-5,l2074,355r-4,-1l2067,354r-4,l2059,352r-3,l2051,352r-2,-1l2044,351r-3,-1l2037,350r-4,l2030,348r-5,-1l2023,347r-5,-2l2015,345r-4,-1l2008,342r,-70l2008,272r3,2l2015,275r3,2l2023,278r2,1l2030,281r3,l2037,282r3,2l2043,284r4,1l2050,287r4,l2057,288r4,l2064,289r3,l2072,291r2,l2077,291r5,1l2085,292r2,l2090,294r5,l2098,294r2,l2103,294r3,l2109,294r3,l2116,294r,l2119,294r3,l2125,294r3,l2131,294r3,-2l2137,292r2,l2141,291r3,l2147,289r1,l2151,288r1,-1l2155,287r2,-2l2158,284r2,-2l2161,282r2,-1l2164,279r1,-1l2167,277r1,-2l2168,274r2,-2l2170,271r1,-2l2171,268r,-1l2171,265r2,-3l2173,262r-2,l2171,261r,-2l2171,258r,-1l2171,257r,-2l2170,254r,-2l2170,252r-2,-1l2168,249r,l2167,248r,-2l2165,245r,l2164,244r,l2163,242r-2,-1l2161,241r-1,-2l2158,239r-1,-1l2157,238r-2,-2l2154,235r-2,l2151,234r-1,l2150,232r-71,-28l2079,204r-6,-2l2069,199r-6,-1l2059,195r-5,-1l2050,191r-3,-3l2043,185r-3,-3l2036,181r-3,-3l2030,175r-3,-3l2024,169r-3,-3l2018,162r-1,-3l2014,156r-2,-3l2011,149r-3,-3l2007,143r-2,-4l2005,136r-1,-4l2002,128r,-3l2001,121r,-5l2001,112r,-4l2001,103r,l2001,98r,-6l2002,86r,-6l2004,76r3,-6l2008,66r3,-6l2014,56r3,-4l2020,48r3,-5l2027,39r4,-3l2036,32r4,-3l2044,25r6,-3l2056,19r4,-3l2067,15r6,-3l2079,10r7,-3l2092,6r7,-1l2106,3r7,l2121,2r7,l2137,2r8,-2l2145,r2,2l2150,2r2,l2155,2r3,l2161,2r4,l2168,2r3,1l2174,3r3,l2180,3r4,2l2187,5r3,l2193,6r4,l2200,6r3,1l2206,7r4,2l2213,9r3,l2219,10r3,l2226,12r3,l2232,13r3,l2238,15r2,l2245,15xe" fillcolor="black" stroked="f">
                      <v:path arrowok="t" o:connecttype="custom" o:connectlocs="133350,43815;107315,39370;84455,39370;66040,46355;60960,57150;65405,67310;78105,74930;146050,109220;167005,135890;169545,172085;138430,212090;75565,226695;47625,225425;14605,220345;19685,178435;50800,185420;75565,186690;99060,180975;107315,167640;106680,158115;99060,151130;33020,121920;7620,96520;0,65405;18415,22860;70485,1905;108585,1905;137795,5715;267970,4445;791210,4445;1004570,4445;1235710,222250;1421130,50165;1394460,41910;1368425,39370;1346835,41275;1333500,50800;1332865,62230;1339215,70485;1395095,94615;1427480,118110;1442720,148590;1434465,189230;1390650,220980;1339215,226695;1307465,223520;1275080,217170;1301750,182245;1332230,186690;1356995,185420;1374140,177165;1378585,165735;1374775,155575;1365885,148590;1292860,114935;1273175,86360;1272540,48260;1305560,12065;1362075,0;1388745,3175;1417320,8255" o:connectangles="0,0,0,0,0,0,0,0,0,0,0,0,0,0,0,0,0,0,0,0,0,0,0,0,0,0,0,0,0,0,0,0,0,0,0,0,0,0,0,0,0,0,0,0,0,0,0,0,0,0,0,0,0,0,0,0,0,0,0,0,0"/>
                      <o:lock v:ext="edit" verticies="t"/>
                    </v:shape>
                    <v:shape id="Freeform 15" o:spid="_x0000_s1029" style="position:absolute;left:25;top:25;width:1714;height:2267;visibility:visible;mso-wrap-style:square;v-text-anchor:top" coordsize="270,3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" path="m246,15r,65l246,80r-5,l238,79r-2,-1l233,76r-5,-1l225,73r-2,l220,72r-5,-2l213,70r-3,-1l207,69r-3,-1l201,68r-4,-2l194,66r-3,-1l188,65r-3,l182,63r-3,l176,63r-2,-1l171,62r-2,l166,62r-3,l161,62r-3,l156,62r-3,l152,60r,l148,62r-3,l142,62r-3,l136,62r-3,l130,63r-3,l126,63r-3,2l120,65r-1,1l116,66r-2,2l111,69r-1,l109,70r-2,2l106,73r-2,l103,75r-2,1l100,78r-2,1l98,80r-1,2l97,83r-1,l96,85r,1l96,88r,1l96,89r,1l96,92r,1l96,95r,1l96,98r1,l97,99r,1l98,102r,l100,103r,2l101,105r2,1l104,106r,2l106,109r1,l109,111r1,l111,112r2,1l114,113r2,2l117,115r3,1l122,116r1,2l126,118r1,1l130,119r64,30l194,149r4,3l202,155r5,1l211,159r4,3l220,165r3,1l227,169r3,3l234,175r3,3l240,181r3,3l246,186r3,3l251,192r2,3l256,198r1,3l259,204r1,4l262,211r1,3l264,218r2,3l267,225r,3l269,232r,3l269,239r,5l270,246r,l269,254r,5l267,265r,6l266,277r-3,5l262,287r-3,5l256,297r-3,5l250,307r-4,4l241,315r-4,4l233,324r-5,3l223,331r-5,3l213,337r-6,3l201,342r-7,3l188,347r-7,3l174,351r-8,1l159,354r-9,1l143,357r-8,l126,357r-7,l119,357r-5,l111,357r-2,l106,357r-5,l98,357r-2,l93,357r-5,l85,357r-2,-2l78,355r-3,l72,355r-4,-1l65,354r-4,l58,352r-4,l51,352r-4,-1l42,351r-3,-1l35,350r-3,l28,348r-5,-1l21,347r-5,-2l12,345,8,344,5,342r,-70l5,272r3,2l12,275r4,2l21,278r2,1l28,281r3,l35,282r4,2l42,284r5,1l49,287r5,l57,288r3,l64,289r3,l70,291r4,l77,291r3,1l83,292r2,l90,294r3,l96,294r2,l101,294r3,l107,294r3,l113,294r,l116,294r3,l123,294r3,l129,294r3,-2l135,292r2,l140,291r3,l145,289r3,l150,288r2,-1l153,287r3,-2l158,284r1,-2l161,281r1,-2l163,278r2,-1l165,275r1,-1l168,272r,-1l169,269r,-1l169,265r,-1l169,262r2,-3l171,259r-2,l169,258r,l169,257r,-2l169,255r,-1l169,252r-1,l168,251r,-2l168,249r-2,-1l166,246r-1,l165,245r,l163,244r-1,-2l162,242r-1,-1l161,241r-2,-2l158,239r-2,-1l155,238r,-2l153,235r-1,l150,234r-1,l148,232,75,204r,l70,202r-5,-3l61,198r-4,-3l52,192r-4,-1l45,188r-4,-3l38,182r-4,-3l31,176r-3,-3l25,171r-3,-3l21,165r-3,-3l15,159r-2,-4l12,152,9,149,8,145,6,142,5,138r,-3l3,131,2,128r,-5l,119r,-3l,112r,-4l,103r,l,98,,92,2,86r,-6l3,76,5,70,8,66r2,-6l12,56r3,-4l19,48r3,-5l26,39r3,-3l34,32r5,-3l44,25r4,-3l54,19r6,-3l65,15r6,-3l77,10,84,7,90,6,97,5r7,-2l111,3r8,-1l127,2r8,l143,r,l146,2r3,l152,2r3,l158,2r3,l165,2r3,l171,3r3,l178,3r3,l184,5r3,l191,5r3,1l197,6r4,l204,7r3,l210,9r4,l217,9r3,1l223,10r4,2l230,12r3,1l236,13r2,2l241,15r5,e" filled="f" strokeweight="0">
                      <v:path arrowok="t" o:connecttype="custom" o:connectlocs="147955,48260;133350,43815;119380,41275;107315,39370;96520,38100;84455,39370;73660,41910;66040,46355;61595,52705;60960,57150;61595,62865;65405,67310;70485,71120;78105,74930;128270,98425;146050,109220;159385,121920;167005,135890;170815,151765;169545,172085;158750,194945;138430,212090;110490,222885;75565,226695;62230,226695;47625,225425;32385,223520;14605,220345;3175,172720;19685,178435;36195,182880;50800,185420;64135,186690;75565,186690;88900,184785;99060,180975;104775,174625;107315,167640;107315,163195;106680,158115;103505,154940;99060,151130;93980,147320;33020,121920;17780,109855;7620,96520;1270,81280;0,65405;5080,41910;18415,22860;41275,9525;70485,1905;94615,1270;108585,1905;123190,3810;137795,5715;151130,9525" o:connectangles="0,0,0,0,0,0,0,0,0,0,0,0,0,0,0,0,0,0,0,0,0,0,0,0,0,0,0,0,0,0,0,0,0,0,0,0,0,0,0,0,0,0,0,0,0,0,0,0,0,0,0,0,0,0,0,0,0"/>
                    </v:shape>
                    <v:rect id="Rectangle 16" o:spid="_x0000_s1030" style="position:absolute;left:2044;top:69;width:661;height:21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" filled="f" strokeweight="0"/>
                    <v:shape id="Freeform 17" o:spid="_x0000_s1031" style="position:absolute;left:3219;top:69;width:1645;height:2178;visibility:visible;mso-wrap-style:square;v-text-anchor:top" coordsize="259,3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" path="m255,r,63l101,63r,76l236,139r,58l101,197r,80l259,277r,66l,343,,,255,e" filled="f" strokeweight="0">
                      <v:path arrowok="t" o:connecttype="custom" o:connectlocs="161925,0;161925,40005;64135,40005;64135,88265;149860,88265;149860,125095;64135,125095;64135,175895;164465,175895;164465,217805;0,217805;0,0;161925,0" o:connectangles="0,0,0,0,0,0,0,0,0,0,0,0,0"/>
                    </v:shape>
                    <v:shape id="Freeform 18" o:spid="_x0000_s1032" style="position:absolute;left:5226;top:69;width:2711;height:2191;visibility:visible;mso-wrap-style:square;v-text-anchor:top" coordsize="427,3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" path="m427,r,343l327,343r,-227l228,345r-61,l70,116r,227l,343,,,128,r85,209l304,,427,e" filled="f" strokeweight="0">
                      <v:path arrowok="t" o:connecttype="custom" o:connectlocs="271145,0;271145,217805;207645,217805;207645,73660;144780,219075;106045,219075;44450,73660;44450,217805;0,217805;0,0;81280,0;135255,132715;193040,0;271145,0" o:connectangles="0,0,0,0,0,0,0,0,0,0,0,0,0,0"/>
                    </v:shape>
                    <v:shape id="Freeform 19" o:spid="_x0000_s1033" style="position:absolute;left:8439;top:69;width:1651;height:2178;visibility:visible;mso-wrap-style:square;v-text-anchor:top" coordsize="260,3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" path="m257,r,63l100,63r,76l237,139r,58l100,197r,80l260,277r,66l,343,,,257,e" filled="f" strokeweight="0">
                      <v:path arrowok="t" o:connecttype="custom" o:connectlocs="163195,0;163195,40005;63500,40005;63500,88265;150495,88265;150495,125095;63500,125095;63500,175895;165100,175895;165100,217805;0,217805;0,0;163195,0" o:connectangles="0,0,0,0,0,0,0,0,0,0,0,0,0"/>
                    </v:shape>
                    <v:shape id="Freeform 20" o:spid="_x0000_s1034" style="position:absolute;left:10458;top:69;width:1924;height:2178;visibility:visible;mso-wrap-style:square;v-text-anchor:top" coordsize="303,3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" path="m303,r,343l193,343,69,122r,221l,343,,,114,,232,217,232,r71,e" filled="f" strokeweight="0">
                      <v:path arrowok="t" o:connecttype="custom" o:connectlocs="192405,0;192405,217805;122555,217805;43815,77470;43815,217805;0,217805;0,0;72390,0;147320,137795;147320,0;192405,0" o:connectangles="0,0,0,0,0,0,0,0,0,0,0"/>
                    </v:shape>
                    <v:shape id="Freeform 21" o:spid="_x0000_s1035" style="position:absolute;left:12731;top:25;width:1734;height:2267;visibility:visible;mso-wrap-style:square;v-text-anchor:top" coordsize="273,3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" path="m244,15r,65l244,80r-5,l237,79r-3,-1l231,76r-3,-1l225,73r-3,l219,72r-3,-2l213,70r-4,-1l206,69r-3,-1l201,68r-3,-2l195,66r-3,-1l189,65r-3,l183,63r-3,l177,63r-2,-1l172,62r-3,l166,62r-3,l160,62r-3,l154,62r-3,l150,60r,l146,62r-3,l140,62r-3,l134,62r-1,l130,63r-3,l125,63r-2,2l120,65r-2,1l117,66r-3,2l112,69r-1,l110,70r-2,2l107,73r-2,l104,75r-2,1l102,78r-1,1l99,80r,2l98,83r,l98,85r,1l98,88r,1l98,89r,1l98,92r,1l98,95r,1l98,98r,l98,99r1,1l99,102r,l101,103r,2l102,105r,1l104,106r,2l105,109r2,l108,111r,l110,112r1,1l112,113r3,2l117,115r1,1l120,116r3,2l124,118r3,1l130,119r66,30l196,149r5,3l205,155r3,1l212,159r4,3l221,165r3,1l228,169r3,3l234,175r4,3l241,181r3,3l247,186r3,3l251,192r3,3l257,198r1,3l260,205r3,3l264,212r1,3l267,218r1,4l268,226r2,3l271,234r,4l271,242r,4l273,249r,l271,257r,5l270,268r,4l268,278r-3,6l264,288r-3,6l258,298r-3,4l251,308r-3,4l244,315r-5,4l235,324r-4,3l225,331r-6,3l213,337r-5,3l202,342r-6,3l189,348r-7,2l176,351r-7,1l160,354r-7,1l146,357r-9,l128,357r-7,l121,357r-4,l114,357r-3,l108,357r-4,l101,357r-3,l94,357r-3,l86,357r-2,-2l81,355r-5,l73,355r-4,-1l66,354r-4,l58,352r-3,l50,352r-2,-1l43,351r-3,-1l36,350r-4,l29,348r-5,-1l22,347r-5,-2l14,345r-4,-1l7,342r,-70l7,272r3,2l14,275r3,2l22,278r2,1l29,281r3,l36,282r3,2l42,284r4,1l49,287r4,l56,288r4,l63,289r3,l71,291r2,l76,291r5,1l84,292r2,l89,294r5,l97,294r2,l102,294r3,l108,294r3,l115,294r,l118,294r3,l124,294r3,l130,294r3,-2l136,292r2,l140,291r3,l146,289r1,l150,288r1,-1l154,287r2,-2l157,284r2,-2l160,282r2,-1l163,279r1,-1l166,277r1,-2l167,274r2,-2l169,271r1,-2l170,268r,-1l170,265r2,-3l172,262r-2,l170,261r,-2l170,258r,-1l170,257r,-2l169,254r,-2l169,252r-2,-1l167,249r,l166,248r,-2l164,245r,l163,244r,l162,242r-2,-1l160,241r-1,-2l157,239r-1,-1l156,238r-2,-2l153,235r-2,l150,234r-1,l149,232,78,204r,l72,202r-4,-3l62,198r-4,-3l53,194r-4,-3l46,188r-4,-3l39,182r-4,-1l32,178r-3,-3l26,172r-3,-3l20,166r-3,-4l16,159r-3,-3l11,153r-1,-4l7,146,6,143,4,139r,-3l3,132,1,128r,-3l,121r,-5l,112r,-4l,103r,l,98,,92,1,86r,-6l3,76,6,70,7,66r3,-6l13,56r3,-4l19,48r3,-5l26,39r4,-3l35,32r4,-3l43,25r6,-3l55,19r4,-3l66,15r6,-3l78,10,85,7,91,6,98,5r7,-2l112,3r8,-1l127,2r9,l144,r,l146,2r3,l151,2r3,l157,2r3,l164,2r3,l170,3r3,l176,3r3,l183,5r3,l189,5r3,1l196,6r3,l202,7r3,l209,9r3,l215,9r3,1l221,10r4,2l228,12r3,1l234,13r3,2l239,15r5,e" filled="f" strokeweight="0">
                      <v:path arrowok="t" o:connecttype="custom" o:connectlocs="146685,48260;132715,43815;120015,41275;107315,39370;95250,38100;84455,39370;74295,41910;66675,46355;62230,52705;62230,57150;62230,62865;64770,67310;69850,71120;78105,74930;130175,98425;146685,109220;159385,121920;168275,136525;172085,153670;171450,172720;159385,195580;139065,212090;111760,222885;76835,226695;64135,226695;48260,225425;31750,223520;15240,220345;4445,172720;20320,178435;35560,182880;51435,185420;64770,186690;76835,186690;88900,184785;99060,180975;105410,175895;107950,169545;107950,163830;106045,159385;103505,154940;99060,151130;94615,147320;33655,123190;18415,111125;6985,97155;635,81280;0,65405;4445,41910;19050,22860;41910,9525;71120,1905;94615,1270;107950,1905;121920,3810;136525,5715;150495,9525" o:connectangles="0,0,0,0,0,0,0,0,0,0,0,0,0,0,0,0,0,0,0,0,0,0,0,0,0,0,0,0,0,0,0,0,0,0,0,0,0,0,0,0,0,0,0,0,0,0,0,0,0,0,0,0,0,0,0,0,0"/>
                    </v:shape>
                    <w10:anchorlock/>
                  </v:group>
                </w:pict>
              </mc:Fallback>
            </mc:AlternateContent>
          </w:r>
        </w:p>
        <w:p w14:paraId="46BB1BC0" w14:textId="77777777" w:rsidR="00E249EA" w:rsidRDefault="00E249EA">
          <w:pPr>
            <w:pStyle w:val="scfKopfdaten"/>
          </w:pPr>
        </w:p>
      </w:tc>
      <w:tc>
        <w:tcPr>
          <w:tcW w:w="4528" w:type="dxa"/>
        </w:tcPr>
        <w:p w14:paraId="132472B7" w14:textId="77777777" w:rsidR="00E249EA" w:rsidRDefault="00E249EA">
          <w:pPr>
            <w:pStyle w:val="scfBereich"/>
            <w:spacing w:before="0"/>
            <w:jc w:val="right"/>
          </w:pPr>
        </w:p>
        <w:p w14:paraId="78518169" w14:textId="77777777" w:rsidR="00E249EA" w:rsidRDefault="00E249EA">
          <w:pPr>
            <w:pStyle w:val="scfBereich"/>
            <w:spacing w:before="0"/>
            <w:jc w:val="right"/>
          </w:pPr>
        </w:p>
      </w:tc>
    </w:tr>
  </w:tbl>
  <w:p w14:paraId="1C2397B4" w14:textId="77777777" w:rsidR="00E249EA" w:rsidRDefault="00E249EA" w:rsidP="00805865">
    <w:pPr>
      <w:pStyle w:val="Header"/>
      <w:tabs>
        <w:tab w:val="clear" w:pos="4153"/>
        <w:tab w:val="clear" w:pos="8306"/>
        <w:tab w:val="left" w:pos="-2127"/>
      </w:tabs>
      <w:ind w:right="-142"/>
      <w:rPr>
        <w:b/>
        <w:sz w:val="24"/>
      </w:rPr>
    </w:pPr>
    <w:r>
      <w:rPr>
        <w:b/>
        <w:sz w:val="24"/>
      </w:rP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4A31522"/>
    <w:multiLevelType w:val="hybridMultilevel"/>
    <w:tmpl w:val="AA483934"/>
    <w:lvl w:ilvl="0" w:tplc="041B0001">
      <w:numFmt w:val="bullet"/>
      <w:lvlText w:val=""/>
      <w:lvlJc w:val="left"/>
      <w:pPr>
        <w:ind w:left="720" w:hanging="360"/>
      </w:pPr>
      <w:rPr>
        <w:rFonts w:ascii="Symbol" w:eastAsia="Times New Roman" w:hAnsi="Symbol" w:cs="Times New Roman" w:hint="default"/>
      </w:rPr>
    </w:lvl>
    <w:lvl w:ilvl="1" w:tplc="041B0003" w:tentative="1">
      <w:start w:val="1"/>
      <w:numFmt w:val="bullet"/>
      <w:lvlText w:val="o"/>
      <w:lvlJc w:val="left"/>
      <w:pPr>
        <w:ind w:left="1440" w:hanging="360"/>
      </w:pPr>
      <w:rPr>
        <w:rFonts w:ascii="Courier New" w:hAnsi="Courier New" w:cs="Courier New" w:hint="default"/>
      </w:rPr>
    </w:lvl>
    <w:lvl w:ilvl="2" w:tplc="041B0005" w:tentative="1">
      <w:start w:val="1"/>
      <w:numFmt w:val="bullet"/>
      <w:lvlText w:val=""/>
      <w:lvlJc w:val="left"/>
      <w:pPr>
        <w:ind w:left="2160" w:hanging="360"/>
      </w:pPr>
      <w:rPr>
        <w:rFonts w:ascii="Wingdings" w:hAnsi="Wingdings" w:hint="default"/>
      </w:rPr>
    </w:lvl>
    <w:lvl w:ilvl="3" w:tplc="041B0001" w:tentative="1">
      <w:start w:val="1"/>
      <w:numFmt w:val="bullet"/>
      <w:lvlText w:val=""/>
      <w:lvlJc w:val="left"/>
      <w:pPr>
        <w:ind w:left="2880" w:hanging="360"/>
      </w:pPr>
      <w:rPr>
        <w:rFonts w:ascii="Symbol" w:hAnsi="Symbol" w:hint="default"/>
      </w:rPr>
    </w:lvl>
    <w:lvl w:ilvl="4" w:tplc="041B0003" w:tentative="1">
      <w:start w:val="1"/>
      <w:numFmt w:val="bullet"/>
      <w:lvlText w:val="o"/>
      <w:lvlJc w:val="left"/>
      <w:pPr>
        <w:ind w:left="3600" w:hanging="360"/>
      </w:pPr>
      <w:rPr>
        <w:rFonts w:ascii="Courier New" w:hAnsi="Courier New" w:cs="Courier New" w:hint="default"/>
      </w:rPr>
    </w:lvl>
    <w:lvl w:ilvl="5" w:tplc="041B0005" w:tentative="1">
      <w:start w:val="1"/>
      <w:numFmt w:val="bullet"/>
      <w:lvlText w:val=""/>
      <w:lvlJc w:val="left"/>
      <w:pPr>
        <w:ind w:left="4320" w:hanging="360"/>
      </w:pPr>
      <w:rPr>
        <w:rFonts w:ascii="Wingdings" w:hAnsi="Wingdings"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1" w15:restartNumberingAfterBreak="1">
    <w:nsid w:val="0A866510"/>
    <w:multiLevelType w:val="hybridMultilevel"/>
    <w:tmpl w:val="240E8C3E"/>
    <w:lvl w:ilvl="0" w:tplc="AE545194">
      <w:start w:val="831"/>
      <w:numFmt w:val="bullet"/>
      <w:lvlText w:val="-"/>
      <w:lvlJc w:val="left"/>
      <w:pPr>
        <w:tabs>
          <w:tab w:val="num" w:pos="720"/>
        </w:tabs>
        <w:ind w:left="720" w:hanging="360"/>
      </w:pPr>
      <w:rPr>
        <w:rFonts w:ascii="Arial" w:eastAsia="Times New Roman" w:hAnsi="Arial" w:cs="Arial" w:hint="default"/>
      </w:rPr>
    </w:lvl>
    <w:lvl w:ilvl="1" w:tplc="90FA732C">
      <w:start w:val="1"/>
      <w:numFmt w:val="bullet"/>
      <w:lvlText w:val="-"/>
      <w:lvlJc w:val="left"/>
      <w:pPr>
        <w:tabs>
          <w:tab w:val="num" w:pos="1440"/>
        </w:tabs>
        <w:ind w:left="1440" w:hanging="360"/>
      </w:pPr>
      <w:rPr>
        <w:rFonts w:ascii="Courier New" w:hAnsi="Courier New" w:hint="default"/>
      </w:rPr>
    </w:lvl>
    <w:lvl w:ilvl="2" w:tplc="041B0005" w:tentative="1">
      <w:start w:val="1"/>
      <w:numFmt w:val="bullet"/>
      <w:lvlText w:val=""/>
      <w:lvlJc w:val="left"/>
      <w:pPr>
        <w:tabs>
          <w:tab w:val="num" w:pos="2160"/>
        </w:tabs>
        <w:ind w:left="2160" w:hanging="360"/>
      </w:pPr>
      <w:rPr>
        <w:rFonts w:ascii="Wingdings" w:hAnsi="Wingdings" w:hint="default"/>
      </w:rPr>
    </w:lvl>
    <w:lvl w:ilvl="3" w:tplc="041B0001" w:tentative="1">
      <w:start w:val="1"/>
      <w:numFmt w:val="bullet"/>
      <w:lvlText w:val=""/>
      <w:lvlJc w:val="left"/>
      <w:pPr>
        <w:tabs>
          <w:tab w:val="num" w:pos="2880"/>
        </w:tabs>
        <w:ind w:left="2880" w:hanging="360"/>
      </w:pPr>
      <w:rPr>
        <w:rFonts w:ascii="Symbol" w:hAnsi="Symbol" w:hint="default"/>
      </w:rPr>
    </w:lvl>
    <w:lvl w:ilvl="4" w:tplc="041B0003" w:tentative="1">
      <w:start w:val="1"/>
      <w:numFmt w:val="bullet"/>
      <w:lvlText w:val="o"/>
      <w:lvlJc w:val="left"/>
      <w:pPr>
        <w:tabs>
          <w:tab w:val="num" w:pos="3600"/>
        </w:tabs>
        <w:ind w:left="3600" w:hanging="360"/>
      </w:pPr>
      <w:rPr>
        <w:rFonts w:ascii="Courier New" w:hAnsi="Courier New" w:cs="Courier New" w:hint="default"/>
      </w:rPr>
    </w:lvl>
    <w:lvl w:ilvl="5" w:tplc="041B0005" w:tentative="1">
      <w:start w:val="1"/>
      <w:numFmt w:val="bullet"/>
      <w:lvlText w:val=""/>
      <w:lvlJc w:val="left"/>
      <w:pPr>
        <w:tabs>
          <w:tab w:val="num" w:pos="4320"/>
        </w:tabs>
        <w:ind w:left="4320" w:hanging="360"/>
      </w:pPr>
      <w:rPr>
        <w:rFonts w:ascii="Wingdings" w:hAnsi="Wingdings" w:hint="default"/>
      </w:rPr>
    </w:lvl>
    <w:lvl w:ilvl="6" w:tplc="041B0001" w:tentative="1">
      <w:start w:val="1"/>
      <w:numFmt w:val="bullet"/>
      <w:lvlText w:val=""/>
      <w:lvlJc w:val="left"/>
      <w:pPr>
        <w:tabs>
          <w:tab w:val="num" w:pos="5040"/>
        </w:tabs>
        <w:ind w:left="5040" w:hanging="360"/>
      </w:pPr>
      <w:rPr>
        <w:rFonts w:ascii="Symbol" w:hAnsi="Symbol" w:hint="default"/>
      </w:rPr>
    </w:lvl>
    <w:lvl w:ilvl="7" w:tplc="041B0003" w:tentative="1">
      <w:start w:val="1"/>
      <w:numFmt w:val="bullet"/>
      <w:lvlText w:val="o"/>
      <w:lvlJc w:val="left"/>
      <w:pPr>
        <w:tabs>
          <w:tab w:val="num" w:pos="5760"/>
        </w:tabs>
        <w:ind w:left="5760" w:hanging="360"/>
      </w:pPr>
      <w:rPr>
        <w:rFonts w:ascii="Courier New" w:hAnsi="Courier New" w:cs="Courier New" w:hint="default"/>
      </w:rPr>
    </w:lvl>
    <w:lvl w:ilvl="8" w:tplc="041B0005" w:tentative="1">
      <w:start w:val="1"/>
      <w:numFmt w:val="bullet"/>
      <w:lvlText w:val=""/>
      <w:lvlJc w:val="left"/>
      <w:pPr>
        <w:tabs>
          <w:tab w:val="num" w:pos="6480"/>
        </w:tabs>
        <w:ind w:left="6480" w:hanging="360"/>
      </w:pPr>
      <w:rPr>
        <w:rFonts w:ascii="Wingdings" w:hAnsi="Wingdings" w:hint="default"/>
      </w:rPr>
    </w:lvl>
  </w:abstractNum>
  <w:abstractNum w:abstractNumId="2" w15:restartNumberingAfterBreak="0">
    <w:nsid w:val="21597B41"/>
    <w:multiLevelType w:val="hybridMultilevel"/>
    <w:tmpl w:val="A1AA8914"/>
    <w:lvl w:ilvl="0" w:tplc="041B0017">
      <w:start w:val="1"/>
      <w:numFmt w:val="lowerLetter"/>
      <w:lvlText w:val="%1)"/>
      <w:lvlJc w:val="left"/>
      <w:pPr>
        <w:ind w:left="720" w:hanging="360"/>
      </w:pPr>
      <w:rPr>
        <w:rFonts w:hint="default"/>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 w15:restartNumberingAfterBreak="0">
    <w:nsid w:val="30531A4F"/>
    <w:multiLevelType w:val="hybridMultilevel"/>
    <w:tmpl w:val="1A720134"/>
    <w:lvl w:ilvl="0" w:tplc="041B0001">
      <w:numFmt w:val="bullet"/>
      <w:lvlText w:val=""/>
      <w:lvlJc w:val="left"/>
      <w:pPr>
        <w:ind w:left="720" w:hanging="360"/>
      </w:pPr>
      <w:rPr>
        <w:rFonts w:ascii="Symbol" w:eastAsia="Times New Roman" w:hAnsi="Symbol" w:cs="Times New Roman" w:hint="default"/>
      </w:rPr>
    </w:lvl>
    <w:lvl w:ilvl="1" w:tplc="041B0003" w:tentative="1">
      <w:start w:val="1"/>
      <w:numFmt w:val="bullet"/>
      <w:lvlText w:val="o"/>
      <w:lvlJc w:val="left"/>
      <w:pPr>
        <w:ind w:left="1440" w:hanging="360"/>
      </w:pPr>
      <w:rPr>
        <w:rFonts w:ascii="Courier New" w:hAnsi="Courier New" w:cs="Courier New" w:hint="default"/>
      </w:rPr>
    </w:lvl>
    <w:lvl w:ilvl="2" w:tplc="041B0005" w:tentative="1">
      <w:start w:val="1"/>
      <w:numFmt w:val="bullet"/>
      <w:lvlText w:val=""/>
      <w:lvlJc w:val="left"/>
      <w:pPr>
        <w:ind w:left="2160" w:hanging="360"/>
      </w:pPr>
      <w:rPr>
        <w:rFonts w:ascii="Wingdings" w:hAnsi="Wingdings" w:hint="default"/>
      </w:rPr>
    </w:lvl>
    <w:lvl w:ilvl="3" w:tplc="041B0001" w:tentative="1">
      <w:start w:val="1"/>
      <w:numFmt w:val="bullet"/>
      <w:lvlText w:val=""/>
      <w:lvlJc w:val="left"/>
      <w:pPr>
        <w:ind w:left="2880" w:hanging="360"/>
      </w:pPr>
      <w:rPr>
        <w:rFonts w:ascii="Symbol" w:hAnsi="Symbol" w:hint="default"/>
      </w:rPr>
    </w:lvl>
    <w:lvl w:ilvl="4" w:tplc="041B0003" w:tentative="1">
      <w:start w:val="1"/>
      <w:numFmt w:val="bullet"/>
      <w:lvlText w:val="o"/>
      <w:lvlJc w:val="left"/>
      <w:pPr>
        <w:ind w:left="3600" w:hanging="360"/>
      </w:pPr>
      <w:rPr>
        <w:rFonts w:ascii="Courier New" w:hAnsi="Courier New" w:cs="Courier New" w:hint="default"/>
      </w:rPr>
    </w:lvl>
    <w:lvl w:ilvl="5" w:tplc="041B0005" w:tentative="1">
      <w:start w:val="1"/>
      <w:numFmt w:val="bullet"/>
      <w:lvlText w:val=""/>
      <w:lvlJc w:val="left"/>
      <w:pPr>
        <w:ind w:left="4320" w:hanging="360"/>
      </w:pPr>
      <w:rPr>
        <w:rFonts w:ascii="Wingdings" w:hAnsi="Wingdings"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4" w15:restartNumberingAfterBreak="0">
    <w:nsid w:val="5DD9184C"/>
    <w:multiLevelType w:val="hybridMultilevel"/>
    <w:tmpl w:val="AF106FE2"/>
    <w:lvl w:ilvl="0" w:tplc="041B0017">
      <w:start w:val="1"/>
      <w:numFmt w:val="lowerLetter"/>
      <w:lvlText w:val="%1)"/>
      <w:lvlJc w:val="left"/>
      <w:pPr>
        <w:ind w:left="720" w:hanging="360"/>
      </w:p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 w15:restartNumberingAfterBreak="0">
    <w:nsid w:val="664A6718"/>
    <w:multiLevelType w:val="hybridMultilevel"/>
    <w:tmpl w:val="B44AF14C"/>
    <w:lvl w:ilvl="0" w:tplc="041B0017">
      <w:start w:val="1"/>
      <w:numFmt w:val="lowerLetter"/>
      <w:lvlText w:val="%1)"/>
      <w:lvlJc w:val="left"/>
      <w:pPr>
        <w:ind w:left="720" w:hanging="360"/>
      </w:p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 w15:restartNumberingAfterBreak="0">
    <w:nsid w:val="6CCE74FF"/>
    <w:multiLevelType w:val="hybridMultilevel"/>
    <w:tmpl w:val="71DA2A52"/>
    <w:lvl w:ilvl="0" w:tplc="041B0001">
      <w:start w:val="1"/>
      <w:numFmt w:val="bullet"/>
      <w:lvlText w:val=""/>
      <w:lvlJc w:val="left"/>
      <w:pPr>
        <w:ind w:left="720" w:hanging="360"/>
      </w:pPr>
      <w:rPr>
        <w:rFonts w:ascii="Symbol" w:hAnsi="Symbol" w:hint="default"/>
      </w:rPr>
    </w:lvl>
    <w:lvl w:ilvl="1" w:tplc="041B0003" w:tentative="1">
      <w:start w:val="1"/>
      <w:numFmt w:val="bullet"/>
      <w:lvlText w:val="o"/>
      <w:lvlJc w:val="left"/>
      <w:pPr>
        <w:ind w:left="1440" w:hanging="360"/>
      </w:pPr>
      <w:rPr>
        <w:rFonts w:ascii="Courier New" w:hAnsi="Courier New" w:cs="Courier New" w:hint="default"/>
      </w:rPr>
    </w:lvl>
    <w:lvl w:ilvl="2" w:tplc="041B0005" w:tentative="1">
      <w:start w:val="1"/>
      <w:numFmt w:val="bullet"/>
      <w:lvlText w:val=""/>
      <w:lvlJc w:val="left"/>
      <w:pPr>
        <w:ind w:left="2160" w:hanging="360"/>
      </w:pPr>
      <w:rPr>
        <w:rFonts w:ascii="Wingdings" w:hAnsi="Wingdings" w:hint="default"/>
      </w:rPr>
    </w:lvl>
    <w:lvl w:ilvl="3" w:tplc="041B0001" w:tentative="1">
      <w:start w:val="1"/>
      <w:numFmt w:val="bullet"/>
      <w:lvlText w:val=""/>
      <w:lvlJc w:val="left"/>
      <w:pPr>
        <w:ind w:left="2880" w:hanging="360"/>
      </w:pPr>
      <w:rPr>
        <w:rFonts w:ascii="Symbol" w:hAnsi="Symbol" w:hint="default"/>
      </w:rPr>
    </w:lvl>
    <w:lvl w:ilvl="4" w:tplc="041B0003" w:tentative="1">
      <w:start w:val="1"/>
      <w:numFmt w:val="bullet"/>
      <w:lvlText w:val="o"/>
      <w:lvlJc w:val="left"/>
      <w:pPr>
        <w:ind w:left="3600" w:hanging="360"/>
      </w:pPr>
      <w:rPr>
        <w:rFonts w:ascii="Courier New" w:hAnsi="Courier New" w:cs="Courier New" w:hint="default"/>
      </w:rPr>
    </w:lvl>
    <w:lvl w:ilvl="5" w:tplc="041B0005" w:tentative="1">
      <w:start w:val="1"/>
      <w:numFmt w:val="bullet"/>
      <w:lvlText w:val=""/>
      <w:lvlJc w:val="left"/>
      <w:pPr>
        <w:ind w:left="4320" w:hanging="360"/>
      </w:pPr>
      <w:rPr>
        <w:rFonts w:ascii="Wingdings" w:hAnsi="Wingdings"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7" w15:restartNumberingAfterBreak="0">
    <w:nsid w:val="784C42B5"/>
    <w:multiLevelType w:val="hybridMultilevel"/>
    <w:tmpl w:val="9F0E5EFE"/>
    <w:lvl w:ilvl="0" w:tplc="041B0001">
      <w:numFmt w:val="bullet"/>
      <w:lvlText w:val=""/>
      <w:lvlJc w:val="left"/>
      <w:pPr>
        <w:ind w:left="720" w:hanging="360"/>
      </w:pPr>
      <w:rPr>
        <w:rFonts w:ascii="Symbol" w:eastAsia="Times New Roman" w:hAnsi="Symbol" w:cs="Times New Roman" w:hint="default"/>
      </w:rPr>
    </w:lvl>
    <w:lvl w:ilvl="1" w:tplc="041B0003" w:tentative="1">
      <w:start w:val="1"/>
      <w:numFmt w:val="bullet"/>
      <w:lvlText w:val="o"/>
      <w:lvlJc w:val="left"/>
      <w:pPr>
        <w:ind w:left="1440" w:hanging="360"/>
      </w:pPr>
      <w:rPr>
        <w:rFonts w:ascii="Courier New" w:hAnsi="Courier New" w:cs="Courier New" w:hint="default"/>
      </w:rPr>
    </w:lvl>
    <w:lvl w:ilvl="2" w:tplc="041B0005" w:tentative="1">
      <w:start w:val="1"/>
      <w:numFmt w:val="bullet"/>
      <w:lvlText w:val=""/>
      <w:lvlJc w:val="left"/>
      <w:pPr>
        <w:ind w:left="2160" w:hanging="360"/>
      </w:pPr>
      <w:rPr>
        <w:rFonts w:ascii="Wingdings" w:hAnsi="Wingdings" w:hint="default"/>
      </w:rPr>
    </w:lvl>
    <w:lvl w:ilvl="3" w:tplc="041B0001" w:tentative="1">
      <w:start w:val="1"/>
      <w:numFmt w:val="bullet"/>
      <w:lvlText w:val=""/>
      <w:lvlJc w:val="left"/>
      <w:pPr>
        <w:ind w:left="2880" w:hanging="360"/>
      </w:pPr>
      <w:rPr>
        <w:rFonts w:ascii="Symbol" w:hAnsi="Symbol" w:hint="default"/>
      </w:rPr>
    </w:lvl>
    <w:lvl w:ilvl="4" w:tplc="041B0003" w:tentative="1">
      <w:start w:val="1"/>
      <w:numFmt w:val="bullet"/>
      <w:lvlText w:val="o"/>
      <w:lvlJc w:val="left"/>
      <w:pPr>
        <w:ind w:left="3600" w:hanging="360"/>
      </w:pPr>
      <w:rPr>
        <w:rFonts w:ascii="Courier New" w:hAnsi="Courier New" w:cs="Courier New" w:hint="default"/>
      </w:rPr>
    </w:lvl>
    <w:lvl w:ilvl="5" w:tplc="041B0005" w:tentative="1">
      <w:start w:val="1"/>
      <w:numFmt w:val="bullet"/>
      <w:lvlText w:val=""/>
      <w:lvlJc w:val="left"/>
      <w:pPr>
        <w:ind w:left="4320" w:hanging="360"/>
      </w:pPr>
      <w:rPr>
        <w:rFonts w:ascii="Wingdings" w:hAnsi="Wingdings"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8" w15:restartNumberingAfterBreak="0">
    <w:nsid w:val="7C801978"/>
    <w:multiLevelType w:val="hybridMultilevel"/>
    <w:tmpl w:val="EB5488A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8"/>
  </w:num>
  <w:num w:numId="3">
    <w:abstractNumId w:val="2"/>
  </w:num>
  <w:num w:numId="4">
    <w:abstractNumId w:val="0"/>
  </w:num>
  <w:num w:numId="5">
    <w:abstractNumId w:val="7"/>
  </w:num>
  <w:num w:numId="6">
    <w:abstractNumId w:val="3"/>
  </w:num>
  <w:num w:numId="7">
    <w:abstractNumId w:val="4"/>
  </w:num>
  <w:num w:numId="8">
    <w:abstractNumId w:val="6"/>
  </w:num>
  <w:num w:numId="9">
    <w:abstractNumId w:val="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Simoncic, Marek">
    <w15:presenceInfo w15:providerId="AD" w15:userId="S::marek.simoncic@atos.net::fcfcae0b-740e-4f99-8ee8-ca53d485833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576"/>
  <w:hyphenationZone w:val="425"/>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362DE"/>
    <w:rsid w:val="00000E82"/>
    <w:rsid w:val="00002D45"/>
    <w:rsid w:val="0001644A"/>
    <w:rsid w:val="000824CB"/>
    <w:rsid w:val="00086A9B"/>
    <w:rsid w:val="000909F0"/>
    <w:rsid w:val="000A3DD2"/>
    <w:rsid w:val="000B3D39"/>
    <w:rsid w:val="000C058D"/>
    <w:rsid w:val="0012527C"/>
    <w:rsid w:val="00145277"/>
    <w:rsid w:val="00197289"/>
    <w:rsid w:val="001B5009"/>
    <w:rsid w:val="001C2AC0"/>
    <w:rsid w:val="001C4AF1"/>
    <w:rsid w:val="001D1B2F"/>
    <w:rsid w:val="001E232E"/>
    <w:rsid w:val="001F1E7F"/>
    <w:rsid w:val="00203E15"/>
    <w:rsid w:val="0020581C"/>
    <w:rsid w:val="00205A30"/>
    <w:rsid w:val="00214DF5"/>
    <w:rsid w:val="0023281C"/>
    <w:rsid w:val="002362DE"/>
    <w:rsid w:val="00237E46"/>
    <w:rsid w:val="00255BE3"/>
    <w:rsid w:val="00261CB8"/>
    <w:rsid w:val="00265E47"/>
    <w:rsid w:val="00271390"/>
    <w:rsid w:val="002843A7"/>
    <w:rsid w:val="002C2979"/>
    <w:rsid w:val="002C43FB"/>
    <w:rsid w:val="002E47EA"/>
    <w:rsid w:val="00326A8F"/>
    <w:rsid w:val="00333C9E"/>
    <w:rsid w:val="0034643E"/>
    <w:rsid w:val="00347E6A"/>
    <w:rsid w:val="003514A5"/>
    <w:rsid w:val="003A7E4C"/>
    <w:rsid w:val="003B3637"/>
    <w:rsid w:val="003B6692"/>
    <w:rsid w:val="003F7C27"/>
    <w:rsid w:val="00405F10"/>
    <w:rsid w:val="00407C27"/>
    <w:rsid w:val="00433387"/>
    <w:rsid w:val="00445DEA"/>
    <w:rsid w:val="00453910"/>
    <w:rsid w:val="00472059"/>
    <w:rsid w:val="004765ED"/>
    <w:rsid w:val="00476797"/>
    <w:rsid w:val="00493E00"/>
    <w:rsid w:val="004957C6"/>
    <w:rsid w:val="004A0A31"/>
    <w:rsid w:val="004A4B87"/>
    <w:rsid w:val="004A58BF"/>
    <w:rsid w:val="004B18EA"/>
    <w:rsid w:val="004C3B54"/>
    <w:rsid w:val="004D080C"/>
    <w:rsid w:val="004D320F"/>
    <w:rsid w:val="004E48F1"/>
    <w:rsid w:val="004F4904"/>
    <w:rsid w:val="004F6105"/>
    <w:rsid w:val="00503DA1"/>
    <w:rsid w:val="0053139F"/>
    <w:rsid w:val="00550EA0"/>
    <w:rsid w:val="0059055E"/>
    <w:rsid w:val="005962B7"/>
    <w:rsid w:val="005D5ABA"/>
    <w:rsid w:val="005E60B0"/>
    <w:rsid w:val="005E6AE9"/>
    <w:rsid w:val="005E771C"/>
    <w:rsid w:val="005F075C"/>
    <w:rsid w:val="006053AC"/>
    <w:rsid w:val="006073B5"/>
    <w:rsid w:val="00623CDB"/>
    <w:rsid w:val="00631FC3"/>
    <w:rsid w:val="0063333F"/>
    <w:rsid w:val="00655618"/>
    <w:rsid w:val="006615F5"/>
    <w:rsid w:val="00661C4C"/>
    <w:rsid w:val="00672816"/>
    <w:rsid w:val="00693C90"/>
    <w:rsid w:val="006B33EA"/>
    <w:rsid w:val="006D7606"/>
    <w:rsid w:val="006F6FCD"/>
    <w:rsid w:val="00703191"/>
    <w:rsid w:val="00707A26"/>
    <w:rsid w:val="007371EA"/>
    <w:rsid w:val="00765522"/>
    <w:rsid w:val="007841C3"/>
    <w:rsid w:val="007971AF"/>
    <w:rsid w:val="007C42F0"/>
    <w:rsid w:val="007C7689"/>
    <w:rsid w:val="007E0AFF"/>
    <w:rsid w:val="007E2B30"/>
    <w:rsid w:val="007E7064"/>
    <w:rsid w:val="007F2023"/>
    <w:rsid w:val="00800B1D"/>
    <w:rsid w:val="008024BA"/>
    <w:rsid w:val="00805865"/>
    <w:rsid w:val="00812C07"/>
    <w:rsid w:val="008648BD"/>
    <w:rsid w:val="008737CE"/>
    <w:rsid w:val="00887B04"/>
    <w:rsid w:val="00894630"/>
    <w:rsid w:val="008D18C0"/>
    <w:rsid w:val="008D793F"/>
    <w:rsid w:val="009143C3"/>
    <w:rsid w:val="009306B1"/>
    <w:rsid w:val="009452D9"/>
    <w:rsid w:val="00993394"/>
    <w:rsid w:val="00996801"/>
    <w:rsid w:val="009A734C"/>
    <w:rsid w:val="009B4FA2"/>
    <w:rsid w:val="009D42D2"/>
    <w:rsid w:val="009E7B8A"/>
    <w:rsid w:val="009F1716"/>
    <w:rsid w:val="00A123BF"/>
    <w:rsid w:val="00A135DB"/>
    <w:rsid w:val="00A37397"/>
    <w:rsid w:val="00A44D04"/>
    <w:rsid w:val="00A4668F"/>
    <w:rsid w:val="00A53E8E"/>
    <w:rsid w:val="00A64449"/>
    <w:rsid w:val="00A66B8E"/>
    <w:rsid w:val="00A77A60"/>
    <w:rsid w:val="00A82CB4"/>
    <w:rsid w:val="00A87364"/>
    <w:rsid w:val="00A9510B"/>
    <w:rsid w:val="00AB79AE"/>
    <w:rsid w:val="00AC7BC0"/>
    <w:rsid w:val="00AD5579"/>
    <w:rsid w:val="00AF7B67"/>
    <w:rsid w:val="00AF7D7B"/>
    <w:rsid w:val="00B03616"/>
    <w:rsid w:val="00B22152"/>
    <w:rsid w:val="00B31387"/>
    <w:rsid w:val="00B32984"/>
    <w:rsid w:val="00B57F11"/>
    <w:rsid w:val="00B6734E"/>
    <w:rsid w:val="00B847CC"/>
    <w:rsid w:val="00BD228C"/>
    <w:rsid w:val="00BD6E2A"/>
    <w:rsid w:val="00C23B0A"/>
    <w:rsid w:val="00C274FC"/>
    <w:rsid w:val="00C42EB8"/>
    <w:rsid w:val="00C53FF6"/>
    <w:rsid w:val="00C607B0"/>
    <w:rsid w:val="00C6423B"/>
    <w:rsid w:val="00C66037"/>
    <w:rsid w:val="00C73CCA"/>
    <w:rsid w:val="00C83253"/>
    <w:rsid w:val="00C85406"/>
    <w:rsid w:val="00C93096"/>
    <w:rsid w:val="00C96FE2"/>
    <w:rsid w:val="00CD6FB6"/>
    <w:rsid w:val="00CE0867"/>
    <w:rsid w:val="00CE50AD"/>
    <w:rsid w:val="00D13FBC"/>
    <w:rsid w:val="00D316D2"/>
    <w:rsid w:val="00D51BFF"/>
    <w:rsid w:val="00D51F28"/>
    <w:rsid w:val="00D53089"/>
    <w:rsid w:val="00D635E2"/>
    <w:rsid w:val="00D70636"/>
    <w:rsid w:val="00D86FFC"/>
    <w:rsid w:val="00DA0979"/>
    <w:rsid w:val="00DD03B5"/>
    <w:rsid w:val="00DD4399"/>
    <w:rsid w:val="00E249EA"/>
    <w:rsid w:val="00E260CF"/>
    <w:rsid w:val="00E37EE1"/>
    <w:rsid w:val="00E569DB"/>
    <w:rsid w:val="00E7183D"/>
    <w:rsid w:val="00E74FD0"/>
    <w:rsid w:val="00E76D44"/>
    <w:rsid w:val="00E8021C"/>
    <w:rsid w:val="00EA02C4"/>
    <w:rsid w:val="00EA7947"/>
    <w:rsid w:val="00EC0711"/>
    <w:rsid w:val="00EF5EEA"/>
    <w:rsid w:val="00F46891"/>
    <w:rsid w:val="00F63875"/>
    <w:rsid w:val="00F81690"/>
    <w:rsid w:val="00F92B3E"/>
    <w:rsid w:val="00FB4775"/>
    <w:rsid w:val="00FF1560"/>
  </w:rsids>
  <m:mathPr>
    <m:mathFont m:val="Cambria Math"/>
    <m:brkBin m:val="before"/>
    <m:brkBinSub m:val="--"/>
    <m:smallFrac m:val="0"/>
    <m:dispDef/>
    <m:lMargin m:val="0"/>
    <m:rMargin m:val="0"/>
    <m:defJc m:val="centerGroup"/>
    <m:wrapIndent m:val="1440"/>
    <m:intLim m:val="subSup"/>
    <m:naryLim m:val="undOvr"/>
  </m:mathPr>
  <w:themeFontLang w:val="sk-S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54E51D5"/>
  <w15:chartTrackingRefBased/>
  <w15:docId w15:val="{8FCA61CF-45E3-484C-9138-02E98F1C70F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sk-SK" w:eastAsia="sk-SK"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annotation text" w:uiPriority="99"/>
    <w:lsdException w:name="caption" w:semiHidden="1" w:unhideWhenUsed="1" w:qFormat="1"/>
    <w:lsdException w:name="annotation reference" w:uiPriority="99"/>
    <w:lsdException w:name="Title" w:qFormat="1"/>
    <w:lsdException w:name="Default Paragraph Font" w:uiPriority="1"/>
    <w:lsdException w:name="Subtitle" w:qFormat="1"/>
    <w:lsdException w:name="Strong" w:uiPriority="22" w:qFormat="1"/>
    <w:lsdException w:name="Emphasis" w:uiPriority="20" w:qFormat="1"/>
    <w:lsdException w:name="Normal (Web)" w:uiPriority="99"/>
    <w:lsdException w:name="HTML Variable" w:semiHidden="1" w:unhideWhenUsed="1"/>
    <w:lsdException w:name="No List" w:uiPriority="99"/>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Pr>
      <w:rFonts w:ascii="Arial" w:hAnsi="Arial"/>
      <w:sz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153"/>
        <w:tab w:val="right" w:pos="8306"/>
      </w:tabs>
    </w:pPr>
  </w:style>
  <w:style w:type="paragraph" w:styleId="Footer">
    <w:name w:val="footer"/>
    <w:basedOn w:val="Normal"/>
    <w:pPr>
      <w:tabs>
        <w:tab w:val="center" w:pos="4153"/>
        <w:tab w:val="right" w:pos="8306"/>
      </w:tabs>
    </w:pPr>
  </w:style>
  <w:style w:type="paragraph" w:customStyle="1" w:styleId="SignatureJobTitle">
    <w:name w:val="Signature Job Title"/>
    <w:basedOn w:val="Signature"/>
    <w:next w:val="Normal"/>
    <w:pPr>
      <w:keepNext/>
      <w:spacing w:line="220" w:lineRule="atLeast"/>
      <w:ind w:left="0"/>
    </w:pPr>
    <w:rPr>
      <w:spacing w:val="-5"/>
      <w:sz w:val="20"/>
      <w:lang w:val="en-US"/>
    </w:rPr>
  </w:style>
  <w:style w:type="paragraph" w:styleId="Signature">
    <w:name w:val="Signature"/>
    <w:basedOn w:val="Normal"/>
    <w:pPr>
      <w:ind w:left="4252"/>
    </w:pPr>
  </w:style>
  <w:style w:type="character" w:styleId="PageNumber">
    <w:name w:val="page number"/>
    <w:basedOn w:val="DefaultParagraphFont"/>
  </w:style>
  <w:style w:type="paragraph" w:customStyle="1" w:styleId="scfBereich">
    <w:name w:val="scfBereich"/>
    <w:basedOn w:val="scfstandard"/>
    <w:pPr>
      <w:spacing w:before="140"/>
    </w:pPr>
    <w:rPr>
      <w:b/>
    </w:rPr>
  </w:style>
  <w:style w:type="paragraph" w:customStyle="1" w:styleId="scfKopfdaten">
    <w:name w:val="scfKopfdaten"/>
    <w:basedOn w:val="scfstandard"/>
    <w:pPr>
      <w:spacing w:line="240" w:lineRule="atLeast"/>
    </w:pPr>
  </w:style>
  <w:style w:type="paragraph" w:customStyle="1" w:styleId="scfstandard">
    <w:name w:val="scf_standard"/>
    <w:rPr>
      <w:rFonts w:ascii="Arial" w:hAnsi="Arial"/>
      <w:sz w:val="22"/>
      <w:lang w:val="de-DE" w:eastAsia="en-US"/>
    </w:rPr>
  </w:style>
  <w:style w:type="character" w:styleId="Hyperlink">
    <w:name w:val="Hyperlink"/>
    <w:rPr>
      <w:color w:val="0000FF"/>
      <w:u w:val="single"/>
    </w:rPr>
  </w:style>
  <w:style w:type="character" w:styleId="Strong">
    <w:name w:val="Strong"/>
    <w:uiPriority w:val="22"/>
    <w:qFormat/>
    <w:rsid w:val="00707A26"/>
    <w:rPr>
      <w:b/>
      <w:bCs/>
    </w:rPr>
  </w:style>
  <w:style w:type="paragraph" w:customStyle="1" w:styleId="scfFu1-4">
    <w:name w:val="scfFuß1-4"/>
    <w:basedOn w:val="scfstandard"/>
    <w:rsid w:val="00805865"/>
    <w:pPr>
      <w:spacing w:line="160" w:lineRule="exact"/>
    </w:pPr>
    <w:rPr>
      <w:sz w:val="14"/>
      <w:lang w:eastAsia="de-DE"/>
    </w:rPr>
  </w:style>
  <w:style w:type="paragraph" w:customStyle="1" w:styleId="scfVorstand">
    <w:name w:val="scfVorstand"/>
    <w:basedOn w:val="scfFu1-4"/>
    <w:rsid w:val="00805865"/>
  </w:style>
  <w:style w:type="paragraph" w:customStyle="1" w:styleId="scfvorstand0">
    <w:name w:val="scfvorstand"/>
    <w:basedOn w:val="Normal"/>
    <w:rsid w:val="001F1E7F"/>
    <w:pPr>
      <w:spacing w:before="100" w:beforeAutospacing="1" w:after="100" w:afterAutospacing="1"/>
    </w:pPr>
    <w:rPr>
      <w:rFonts w:ascii="Times New Roman" w:hAnsi="Times New Roman"/>
      <w:sz w:val="24"/>
      <w:szCs w:val="24"/>
      <w:lang w:val="en-US"/>
    </w:rPr>
  </w:style>
  <w:style w:type="character" w:styleId="CommentReference">
    <w:name w:val="annotation reference"/>
    <w:uiPriority w:val="99"/>
    <w:semiHidden/>
    <w:rsid w:val="00894630"/>
    <w:rPr>
      <w:sz w:val="16"/>
      <w:szCs w:val="16"/>
    </w:rPr>
  </w:style>
  <w:style w:type="paragraph" w:styleId="CommentText">
    <w:name w:val="annotation text"/>
    <w:basedOn w:val="Normal"/>
    <w:link w:val="CommentTextChar"/>
    <w:uiPriority w:val="99"/>
    <w:semiHidden/>
    <w:rsid w:val="00894630"/>
    <w:rPr>
      <w:sz w:val="20"/>
    </w:rPr>
  </w:style>
  <w:style w:type="paragraph" w:styleId="CommentSubject">
    <w:name w:val="annotation subject"/>
    <w:basedOn w:val="CommentText"/>
    <w:next w:val="CommentText"/>
    <w:semiHidden/>
    <w:rsid w:val="00894630"/>
    <w:rPr>
      <w:b/>
      <w:bCs/>
    </w:rPr>
  </w:style>
  <w:style w:type="paragraph" w:styleId="BalloonText">
    <w:name w:val="Balloon Text"/>
    <w:basedOn w:val="Normal"/>
    <w:semiHidden/>
    <w:rsid w:val="00894630"/>
    <w:rPr>
      <w:rFonts w:ascii="Tahoma" w:hAnsi="Tahoma" w:cs="Tahoma"/>
      <w:sz w:val="16"/>
      <w:szCs w:val="16"/>
    </w:rPr>
  </w:style>
  <w:style w:type="paragraph" w:styleId="DocumentMap">
    <w:name w:val="Document Map"/>
    <w:basedOn w:val="Normal"/>
    <w:semiHidden/>
    <w:rsid w:val="00333C9E"/>
    <w:pPr>
      <w:shd w:val="clear" w:color="auto" w:fill="000080"/>
    </w:pPr>
    <w:rPr>
      <w:rFonts w:ascii="Tahoma" w:hAnsi="Tahoma" w:cs="Tahoma"/>
      <w:sz w:val="20"/>
    </w:rPr>
  </w:style>
  <w:style w:type="paragraph" w:customStyle="1" w:styleId="Default">
    <w:name w:val="Default"/>
    <w:rsid w:val="00203E15"/>
    <w:pPr>
      <w:autoSpaceDE w:val="0"/>
      <w:autoSpaceDN w:val="0"/>
      <w:adjustRightInd w:val="0"/>
    </w:pPr>
    <w:rPr>
      <w:rFonts w:ascii="Arial" w:hAnsi="Arial" w:cs="Arial"/>
      <w:color w:val="000000"/>
      <w:sz w:val="24"/>
      <w:szCs w:val="24"/>
      <w:lang w:val="en-US" w:eastAsia="en-US"/>
    </w:rPr>
  </w:style>
  <w:style w:type="character" w:styleId="Emphasis">
    <w:name w:val="Emphasis"/>
    <w:uiPriority w:val="20"/>
    <w:qFormat/>
    <w:rsid w:val="001C4AF1"/>
    <w:rPr>
      <w:i/>
      <w:iCs/>
    </w:rPr>
  </w:style>
  <w:style w:type="paragraph" w:styleId="Revision">
    <w:name w:val="Revision"/>
    <w:hidden/>
    <w:uiPriority w:val="99"/>
    <w:semiHidden/>
    <w:rsid w:val="001C2AC0"/>
    <w:rPr>
      <w:rFonts w:ascii="Arial" w:hAnsi="Arial"/>
      <w:sz w:val="22"/>
      <w:lang w:eastAsia="en-US"/>
    </w:rPr>
  </w:style>
  <w:style w:type="paragraph" w:styleId="ListParagraph">
    <w:name w:val="List Paragraph"/>
    <w:basedOn w:val="Normal"/>
    <w:uiPriority w:val="34"/>
    <w:qFormat/>
    <w:rsid w:val="0001644A"/>
    <w:pPr>
      <w:ind w:left="720"/>
      <w:contextualSpacing/>
    </w:pPr>
  </w:style>
  <w:style w:type="paragraph" w:styleId="NormalWeb">
    <w:name w:val="Normal (Web)"/>
    <w:basedOn w:val="Normal"/>
    <w:uiPriority w:val="99"/>
    <w:unhideWhenUsed/>
    <w:rsid w:val="004D080C"/>
    <w:pPr>
      <w:spacing w:before="100" w:beforeAutospacing="1" w:after="100" w:afterAutospacing="1"/>
    </w:pPr>
    <w:rPr>
      <w:rFonts w:ascii="Times New Roman" w:hAnsi="Times New Roman"/>
      <w:sz w:val="24"/>
      <w:szCs w:val="24"/>
      <w:lang w:val="en-GB" w:eastAsia="en-GB"/>
    </w:rPr>
  </w:style>
  <w:style w:type="character" w:customStyle="1" w:styleId="CommentTextChar">
    <w:name w:val="Comment Text Char"/>
    <w:basedOn w:val="DefaultParagraphFont"/>
    <w:link w:val="CommentText"/>
    <w:uiPriority w:val="99"/>
    <w:semiHidden/>
    <w:rsid w:val="00BD6E2A"/>
    <w:rPr>
      <w:rFonts w:ascii="Arial"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36207121">
      <w:bodyDiv w:val="1"/>
      <w:marLeft w:val="0"/>
      <w:marRight w:val="0"/>
      <w:marTop w:val="0"/>
      <w:marBottom w:val="0"/>
      <w:divBdr>
        <w:top w:val="none" w:sz="0" w:space="0" w:color="auto"/>
        <w:left w:val="none" w:sz="0" w:space="0" w:color="auto"/>
        <w:bottom w:val="none" w:sz="0" w:space="0" w:color="auto"/>
        <w:right w:val="none" w:sz="0" w:space="0" w:color="auto"/>
      </w:divBdr>
    </w:div>
    <w:div w:id="440540526">
      <w:bodyDiv w:val="1"/>
      <w:marLeft w:val="0"/>
      <w:marRight w:val="0"/>
      <w:marTop w:val="0"/>
      <w:marBottom w:val="0"/>
      <w:divBdr>
        <w:top w:val="none" w:sz="0" w:space="0" w:color="auto"/>
        <w:left w:val="none" w:sz="0" w:space="0" w:color="auto"/>
        <w:bottom w:val="none" w:sz="0" w:space="0" w:color="auto"/>
        <w:right w:val="none" w:sz="0" w:space="0" w:color="auto"/>
      </w:divBdr>
    </w:div>
    <w:div w:id="538128751">
      <w:bodyDiv w:val="1"/>
      <w:marLeft w:val="0"/>
      <w:marRight w:val="0"/>
      <w:marTop w:val="0"/>
      <w:marBottom w:val="0"/>
      <w:divBdr>
        <w:top w:val="none" w:sz="0" w:space="0" w:color="auto"/>
        <w:left w:val="none" w:sz="0" w:space="0" w:color="auto"/>
        <w:bottom w:val="none" w:sz="0" w:space="0" w:color="auto"/>
        <w:right w:val="none" w:sz="0" w:space="0" w:color="auto"/>
      </w:divBdr>
    </w:div>
    <w:div w:id="1030304530">
      <w:bodyDiv w:val="1"/>
      <w:marLeft w:val="0"/>
      <w:marRight w:val="0"/>
      <w:marTop w:val="0"/>
      <w:marBottom w:val="0"/>
      <w:divBdr>
        <w:top w:val="none" w:sz="0" w:space="0" w:color="auto"/>
        <w:left w:val="none" w:sz="0" w:space="0" w:color="auto"/>
        <w:bottom w:val="none" w:sz="0" w:space="0" w:color="auto"/>
        <w:right w:val="none" w:sz="0" w:space="0" w:color="auto"/>
      </w:divBdr>
    </w:div>
    <w:div w:id="1726684704">
      <w:bodyDiv w:val="1"/>
      <w:marLeft w:val="0"/>
      <w:marRight w:val="0"/>
      <w:marTop w:val="0"/>
      <w:marBottom w:val="0"/>
      <w:divBdr>
        <w:top w:val="none" w:sz="0" w:space="0" w:color="auto"/>
        <w:left w:val="none" w:sz="0" w:space="0" w:color="auto"/>
        <w:bottom w:val="none" w:sz="0" w:space="0" w:color="auto"/>
        <w:right w:val="none" w:sz="0" w:space="0" w:color="auto"/>
      </w:divBdr>
    </w:div>
    <w:div w:id="19636563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microsoft.com/office/2011/relationships/commentsExtended" Target="commentsExtended.xml"/><Relationship Id="rId13" Type="http://schemas.openxmlformats.org/officeDocument/2006/relationships/footer" Target="footer1.xml"/><Relationship Id="rId3" Type="http://schemas.openxmlformats.org/officeDocument/2006/relationships/settings" Target="settings.xml"/><Relationship Id="rId7" Type="http://schemas.openxmlformats.org/officeDocument/2006/relationships/comments" Target="comments.xml"/><Relationship Id="rId12" Type="http://schemas.openxmlformats.org/officeDocument/2006/relationships/header" Target="head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1.xml"/><Relationship Id="rId5" Type="http://schemas.openxmlformats.org/officeDocument/2006/relationships/footnotes" Target="footnotes.xml"/><Relationship Id="rId15" Type="http://schemas.microsoft.com/office/2011/relationships/people" Target="people.xml"/><Relationship Id="rId10" Type="http://schemas.microsoft.com/office/2018/08/relationships/commentsExtensible" Target="commentsExtensible.xml"/><Relationship Id="rId4" Type="http://schemas.openxmlformats.org/officeDocument/2006/relationships/webSettings" Target="webSettings.xml"/><Relationship Id="rId9" Type="http://schemas.microsoft.com/office/2016/09/relationships/commentsIds" Target="commentsIds.xml"/><Relationship Id="rId14"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hyperlink" Target="http://www.siemens-it-solutions.sk/"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7</TotalTime>
  <Pages>1</Pages>
  <Words>551</Words>
  <Characters>3141</Characters>
  <Application>Microsoft Office Word</Application>
  <DocSecurity>0</DocSecurity>
  <Lines>26</Lines>
  <Paragraphs>7</Paragraphs>
  <ScaleCrop>false</ScaleCrop>
  <HeadingPairs>
    <vt:vector size="2" baseType="variant">
      <vt:variant>
        <vt:lpstr>Title</vt:lpstr>
      </vt:variant>
      <vt:variant>
        <vt:i4>1</vt:i4>
      </vt:variant>
    </vt:vector>
  </HeadingPairs>
  <TitlesOfParts>
    <vt:vector size="1" baseType="lpstr">
      <vt:lpstr>Predloha SWH-office</vt:lpstr>
    </vt:vector>
  </TitlesOfParts>
  <Company>SWH, s.r.o.</Company>
  <LinksUpToDate>false</LinksUpToDate>
  <CharactersWithSpaces>3685</CharactersWithSpaces>
  <SharedDoc>false</SharedDoc>
  <HLinks>
    <vt:vector size="18" baseType="variant">
      <vt:variant>
        <vt:i4>3604583</vt:i4>
      </vt:variant>
      <vt:variant>
        <vt:i4>30</vt:i4>
      </vt:variant>
      <vt:variant>
        <vt:i4>0</vt:i4>
      </vt:variant>
      <vt:variant>
        <vt:i4>5</vt:i4>
      </vt:variant>
      <vt:variant>
        <vt:lpwstr>http://www.siemens-it-solutions.sk/</vt:lpwstr>
      </vt:variant>
      <vt:variant>
        <vt:lpwstr/>
      </vt:variant>
      <vt:variant>
        <vt:i4>3604583</vt:i4>
      </vt:variant>
      <vt:variant>
        <vt:i4>18</vt:i4>
      </vt:variant>
      <vt:variant>
        <vt:i4>0</vt:i4>
      </vt:variant>
      <vt:variant>
        <vt:i4>5</vt:i4>
      </vt:variant>
      <vt:variant>
        <vt:lpwstr>http://www.siemens-it-solutions.sk/</vt:lpwstr>
      </vt:variant>
      <vt:variant>
        <vt:lpwstr/>
      </vt:variant>
      <vt:variant>
        <vt:i4>3604583</vt:i4>
      </vt:variant>
      <vt:variant>
        <vt:i4>9</vt:i4>
      </vt:variant>
      <vt:variant>
        <vt:i4>0</vt:i4>
      </vt:variant>
      <vt:variant>
        <vt:i4>5</vt:i4>
      </vt:variant>
      <vt:variant>
        <vt:lpwstr>http://www.siemens-it-solutions.sk/</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dloha SWH-office</dc:title>
  <dc:subject/>
  <dc:creator>SWH-marketing</dc:creator>
  <cp:keywords/>
  <cp:lastModifiedBy>Simoncic, Marek</cp:lastModifiedBy>
  <cp:revision>6</cp:revision>
  <cp:lastPrinted>2011-08-30T07:56:00Z</cp:lastPrinted>
  <dcterms:created xsi:type="dcterms:W3CDTF">2021-09-14T09:30:00Z</dcterms:created>
  <dcterms:modified xsi:type="dcterms:W3CDTF">2021-09-14T11: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3" name="_NewReviewCycle">
    <vt:lpwstr/>
  </property>
  <property fmtid="{D5CDD505-2E9C-101B-9397-08002B2CF9AE}" pid="9" name="MSIP_Label_e463cba9-5f6c-478d-9329-7b2295e4e8ed_Enabled">
    <vt:lpwstr>true</vt:lpwstr>
  </property>
  <property fmtid="{D5CDD505-2E9C-101B-9397-08002B2CF9AE}" pid="10" name="MSIP_Label_e463cba9-5f6c-478d-9329-7b2295e4e8ed_SetDate">
    <vt:lpwstr>2021-09-14T09:13:59Z</vt:lpwstr>
  </property>
  <property fmtid="{D5CDD505-2E9C-101B-9397-08002B2CF9AE}" pid="11" name="MSIP_Label_e463cba9-5f6c-478d-9329-7b2295e4e8ed_Method">
    <vt:lpwstr>Standard</vt:lpwstr>
  </property>
  <property fmtid="{D5CDD505-2E9C-101B-9397-08002B2CF9AE}" pid="12" name="MSIP_Label_e463cba9-5f6c-478d-9329-7b2295e4e8ed_Name">
    <vt:lpwstr>All Employees_2</vt:lpwstr>
  </property>
  <property fmtid="{D5CDD505-2E9C-101B-9397-08002B2CF9AE}" pid="13" name="MSIP_Label_e463cba9-5f6c-478d-9329-7b2295e4e8ed_SiteId">
    <vt:lpwstr>33440fc6-b7c7-412c-bb73-0e70b0198d5a</vt:lpwstr>
  </property>
  <property fmtid="{D5CDD505-2E9C-101B-9397-08002B2CF9AE}" pid="14" name="MSIP_Label_e463cba9-5f6c-478d-9329-7b2295e4e8ed_ActionId">
    <vt:lpwstr>c1ed58cf-28b8-4135-a62a-dbd9d872bcda</vt:lpwstr>
  </property>
  <property fmtid="{D5CDD505-2E9C-101B-9397-08002B2CF9AE}" pid="15" name="MSIP_Label_e463cba9-5f6c-478d-9329-7b2295e4e8ed_ContentBits">
    <vt:lpwstr>0</vt:lpwstr>
  </property>
</Properties>
</file>